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21\group\01_調整グループ\02_バリアフリーの街づくり\0007_施行施策\07_利用証制度（パーキング・パーミット）\00_常用\02_市町村申請受付窓口一覧\260119_横浜市電話番号更新\"/>
    </mc:Choice>
  </mc:AlternateContent>
  <xr:revisionPtr revIDLastSave="0" documentId="13_ncr:1_{F207F3DB-037B-432F-80E7-BDC7A544C0B5}" xr6:coauthVersionLast="47" xr6:coauthVersionMax="47" xr10:uidLastSave="{00000000-0000-0000-0000-000000000000}"/>
  <bookViews>
    <workbookView xWindow="-108" yWindow="-108" windowWidth="23256" windowHeight="13896" xr2:uid="{00000000-000D-0000-FFFF-FFFF00000000}"/>
  </bookViews>
  <sheets>
    <sheet name="市町村受付方法一覧" sheetId="1" r:id="rId1"/>
  </sheets>
  <externalReferences>
    <externalReference r:id="rId2"/>
  </externalReferences>
  <definedNames>
    <definedName name="_xlnm._FilterDatabase" localSheetId="0" hidden="1">市町村受付方法一覧!$A$3:$L$5</definedName>
    <definedName name="_xlnm.Print_Titles" localSheetId="0">市町村受付方法一覧!$3:$4</definedName>
    <definedName name="工程">[1]入力リスト!$C$3:$C$12</definedName>
    <definedName name="市区町村">[1]入力リスト!$C$15:$C$6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42" uniqueCount="426">
  <si>
    <t>市町村名</t>
    <rPh sb="0" eb="3">
      <t>シチョウソン</t>
    </rPh>
    <rPh sb="3" eb="4">
      <t>メイ</t>
    </rPh>
    <phoneticPr fontId="4"/>
  </si>
  <si>
    <t>対象者区分</t>
    <rPh sb="0" eb="3">
      <t>タイショウシャ</t>
    </rPh>
    <rPh sb="3" eb="5">
      <t>クブン</t>
    </rPh>
    <phoneticPr fontId="2"/>
  </si>
  <si>
    <t>部・局</t>
    <rPh sb="0" eb="1">
      <t>ブ</t>
    </rPh>
    <rPh sb="2" eb="3">
      <t>キョク</t>
    </rPh>
    <phoneticPr fontId="2"/>
  </si>
  <si>
    <t>課</t>
    <rPh sb="0" eb="1">
      <t>カ</t>
    </rPh>
    <phoneticPr fontId="4"/>
  </si>
  <si>
    <t>班・係</t>
    <rPh sb="0" eb="1">
      <t>ハン</t>
    </rPh>
    <rPh sb="2" eb="3">
      <t>カカ</t>
    </rPh>
    <phoneticPr fontId="2"/>
  </si>
  <si>
    <t>郵便番号</t>
    <rPh sb="0" eb="4">
      <t>ユウビンバンゴウ</t>
    </rPh>
    <phoneticPr fontId="2"/>
  </si>
  <si>
    <t>住所</t>
    <rPh sb="0" eb="2">
      <t>ジュウショ</t>
    </rPh>
    <phoneticPr fontId="2"/>
  </si>
  <si>
    <t>電話番号</t>
    <rPh sb="0" eb="2">
      <t>デンワ</t>
    </rPh>
    <rPh sb="2" eb="4">
      <t>バンゴウ</t>
    </rPh>
    <phoneticPr fontId="2"/>
  </si>
  <si>
    <t>申請受付方法 詳細
（窓口：受付時間、郵送：送付先、電子申請：フォームURL)</t>
    <rPh sb="0" eb="2">
      <t>シンセイ</t>
    </rPh>
    <rPh sb="2" eb="4">
      <t>ウケツケ</t>
    </rPh>
    <rPh sb="4" eb="6">
      <t>ホウホウ</t>
    </rPh>
    <rPh sb="7" eb="9">
      <t>ショウサイ</t>
    </rPh>
    <rPh sb="11" eb="13">
      <t>マドグチ</t>
    </rPh>
    <rPh sb="14" eb="16">
      <t>ウケツケ</t>
    </rPh>
    <rPh sb="16" eb="18">
      <t>ジカン</t>
    </rPh>
    <rPh sb="19" eb="21">
      <t>ユウソウ</t>
    </rPh>
    <rPh sb="22" eb="25">
      <t>ソウフサキ</t>
    </rPh>
    <rPh sb="26" eb="28">
      <t>デンシ</t>
    </rPh>
    <rPh sb="28" eb="30">
      <t>シンセイ</t>
    </rPh>
    <phoneticPr fontId="2"/>
  </si>
  <si>
    <t>難病患者</t>
    <rPh sb="0" eb="2">
      <t>ナンビョウ</t>
    </rPh>
    <rPh sb="2" eb="4">
      <t>カンジャ</t>
    </rPh>
    <phoneticPr fontId="2"/>
  </si>
  <si>
    <t>高齢者等</t>
    <rPh sb="0" eb="3">
      <t>コウレイシャ</t>
    </rPh>
    <rPh sb="3" eb="4">
      <t>トウ</t>
    </rPh>
    <phoneticPr fontId="2"/>
  </si>
  <si>
    <t>窓口</t>
    <rPh sb="0" eb="2">
      <t>マドグチ</t>
    </rPh>
    <phoneticPr fontId="2"/>
  </si>
  <si>
    <t>【窓口受付時間】（平日）8時30分から17時まで</t>
    <rPh sb="1" eb="3">
      <t>マドグチ</t>
    </rPh>
    <rPh sb="3" eb="5">
      <t>ウケツケ</t>
    </rPh>
    <rPh sb="5" eb="7">
      <t>ジカン</t>
    </rPh>
    <rPh sb="9" eb="11">
      <t>ヘイジツ</t>
    </rPh>
    <rPh sb="13" eb="14">
      <t>ジ</t>
    </rPh>
    <rPh sb="16" eb="17">
      <t>フン</t>
    </rPh>
    <rPh sb="21" eb="22">
      <t>ジ</t>
    </rPh>
    <phoneticPr fontId="2"/>
  </si>
  <si>
    <t>妊産婦</t>
    <rPh sb="0" eb="3">
      <t>ニンサンプ</t>
    </rPh>
    <phoneticPr fontId="2"/>
  </si>
  <si>
    <t>けが人等</t>
    <rPh sb="2" eb="3">
      <t>ニン</t>
    </rPh>
    <rPh sb="3" eb="4">
      <t>トウ</t>
    </rPh>
    <phoneticPr fontId="2"/>
  </si>
  <si>
    <t>平塚市</t>
    <rPh sb="0" eb="2">
      <t>ヒラツカ</t>
    </rPh>
    <rPh sb="2" eb="3">
      <t>シ</t>
    </rPh>
    <phoneticPr fontId="2"/>
  </si>
  <si>
    <t>福祉部</t>
    <rPh sb="0" eb="2">
      <t>フクシ</t>
    </rPh>
    <rPh sb="2" eb="3">
      <t>ブ</t>
    </rPh>
    <phoneticPr fontId="2"/>
  </si>
  <si>
    <t>福祉総務課</t>
    <rPh sb="0" eb="2">
      <t>フクシ</t>
    </rPh>
    <rPh sb="2" eb="5">
      <t>ソウムカ</t>
    </rPh>
    <phoneticPr fontId="2"/>
  </si>
  <si>
    <t>地域福祉担当</t>
    <rPh sb="0" eb="2">
      <t>チイキ</t>
    </rPh>
    <rPh sb="2" eb="4">
      <t>フクシ</t>
    </rPh>
    <rPh sb="4" eb="6">
      <t>タントウ</t>
    </rPh>
    <phoneticPr fontId="2"/>
  </si>
  <si>
    <t>254-8686</t>
    <phoneticPr fontId="2"/>
  </si>
  <si>
    <t>平塚市浅間町９－１
平塚市役所　１階</t>
    <rPh sb="0" eb="3">
      <t>ヒラツカシ</t>
    </rPh>
    <rPh sb="3" eb="6">
      <t>センゲンチョウ</t>
    </rPh>
    <rPh sb="10" eb="15">
      <t>ヒラツカシヤクショ</t>
    </rPh>
    <rPh sb="17" eb="18">
      <t>カイ</t>
    </rPh>
    <phoneticPr fontId="2"/>
  </si>
  <si>
    <t>0463-21-9848</t>
    <phoneticPr fontId="2"/>
  </si>
  <si>
    <t>【窓口受付時間】（平日）8時30分から17時まで</t>
    <phoneticPr fontId="2"/>
  </si>
  <si>
    <t>健康・こども部</t>
    <rPh sb="0" eb="2">
      <t>ケンコウ</t>
    </rPh>
    <rPh sb="6" eb="7">
      <t>ブ</t>
    </rPh>
    <phoneticPr fontId="2"/>
  </si>
  <si>
    <t>健康課</t>
    <rPh sb="0" eb="2">
      <t>ケンコウ</t>
    </rPh>
    <rPh sb="2" eb="3">
      <t>カ</t>
    </rPh>
    <phoneticPr fontId="2"/>
  </si>
  <si>
    <t>母子保健担当</t>
    <rPh sb="0" eb="2">
      <t>ボシ</t>
    </rPh>
    <rPh sb="2" eb="4">
      <t>ホケン</t>
    </rPh>
    <rPh sb="4" eb="6">
      <t>タントウ</t>
    </rPh>
    <phoneticPr fontId="2"/>
  </si>
  <si>
    <t>254-0082</t>
    <phoneticPr fontId="2"/>
  </si>
  <si>
    <t>平塚市東豊田４４８－３
平塚市保健センター</t>
    <rPh sb="12" eb="15">
      <t>ヒラツカシ</t>
    </rPh>
    <rPh sb="15" eb="17">
      <t>ホケン</t>
    </rPh>
    <phoneticPr fontId="2"/>
  </si>
  <si>
    <t>0463-55-2111</t>
    <phoneticPr fontId="2"/>
  </si>
  <si>
    <t>地域福祉課</t>
    <rPh sb="0" eb="2">
      <t>チイキ</t>
    </rPh>
    <rPh sb="2" eb="5">
      <t>フクシカ</t>
    </rPh>
    <phoneticPr fontId="2"/>
  </si>
  <si>
    <t>藤沢市</t>
    <rPh sb="0" eb="3">
      <t>フジサワシ</t>
    </rPh>
    <phoneticPr fontId="2"/>
  </si>
  <si>
    <t>福祉部</t>
    <rPh sb="0" eb="3">
      <t>フクシブ</t>
    </rPh>
    <phoneticPr fontId="2"/>
  </si>
  <si>
    <t>福祉総務課</t>
    <rPh sb="0" eb="5">
      <t>フ</t>
    </rPh>
    <phoneticPr fontId="2"/>
  </si>
  <si>
    <t>総務担当</t>
    <rPh sb="0" eb="4">
      <t>ソウムタントウ</t>
    </rPh>
    <phoneticPr fontId="2"/>
  </si>
  <si>
    <t>251-8601</t>
    <phoneticPr fontId="2"/>
  </si>
  <si>
    <t>藤沢市朝日町1番地の1
本庁舎２階</t>
    <rPh sb="0" eb="3">
      <t>フジサワシ</t>
    </rPh>
    <rPh sb="3" eb="6">
      <t>アサヒチョウ</t>
    </rPh>
    <rPh sb="7" eb="9">
      <t>バンチ</t>
    </rPh>
    <rPh sb="12" eb="15">
      <t>ホンチョウシャ</t>
    </rPh>
    <rPh sb="16" eb="17">
      <t>カイ</t>
    </rPh>
    <phoneticPr fontId="2"/>
  </si>
  <si>
    <t>茅ヶ崎市</t>
    <rPh sb="0" eb="4">
      <t>チガサキシ</t>
    </rPh>
    <phoneticPr fontId="2"/>
  </si>
  <si>
    <t>障がい福祉課</t>
  </si>
  <si>
    <t>障がい者支援担当</t>
    <phoneticPr fontId="2"/>
  </si>
  <si>
    <t>253-8686</t>
    <phoneticPr fontId="2"/>
  </si>
  <si>
    <t>茅ヶ崎市茅ヶ崎1-1-1</t>
    <phoneticPr fontId="2"/>
  </si>
  <si>
    <t>0467-81-7160</t>
    <phoneticPr fontId="2"/>
  </si>
  <si>
    <t>保健所</t>
    <rPh sb="0" eb="3">
      <t>ホケンジョ</t>
    </rPh>
    <phoneticPr fontId="2"/>
  </si>
  <si>
    <t>保健予防課
地域保健課</t>
    <rPh sb="0" eb="2">
      <t>ホケン</t>
    </rPh>
    <rPh sb="2" eb="5">
      <t>ヨボウカ</t>
    </rPh>
    <rPh sb="6" eb="8">
      <t>チイキ</t>
    </rPh>
    <rPh sb="8" eb="10">
      <t>ホケン</t>
    </rPh>
    <rPh sb="10" eb="11">
      <t>カ</t>
    </rPh>
    <phoneticPr fontId="2"/>
  </si>
  <si>
    <t>保健対策担当
保健指導担当</t>
    <phoneticPr fontId="2"/>
  </si>
  <si>
    <t>253-8660</t>
    <phoneticPr fontId="2"/>
  </si>
  <si>
    <t>茅ヶ崎市茅ヶ崎1-8-7</t>
    <phoneticPr fontId="2"/>
  </si>
  <si>
    <t>0467-38-3315
0467-38-3314</t>
    <phoneticPr fontId="2"/>
  </si>
  <si>
    <t>介護保険課</t>
    <rPh sb="0" eb="2">
      <t>カイゴ</t>
    </rPh>
    <rPh sb="2" eb="4">
      <t>ホケン</t>
    </rPh>
    <rPh sb="4" eb="5">
      <t>カ</t>
    </rPh>
    <phoneticPr fontId="2"/>
  </si>
  <si>
    <t>認定担当</t>
    <phoneticPr fontId="2"/>
  </si>
  <si>
    <t>0467-81-7166</t>
    <phoneticPr fontId="2"/>
  </si>
  <si>
    <t>こども育成部</t>
    <rPh sb="3" eb="5">
      <t>イクセイ</t>
    </rPh>
    <rPh sb="5" eb="6">
      <t>ブ</t>
    </rPh>
    <phoneticPr fontId="2"/>
  </si>
  <si>
    <t>こども育成相談課</t>
    <rPh sb="3" eb="5">
      <t>イクセイ</t>
    </rPh>
    <rPh sb="5" eb="7">
      <t>ソウダン</t>
    </rPh>
    <rPh sb="7" eb="8">
      <t>カ</t>
    </rPh>
    <phoneticPr fontId="2"/>
  </si>
  <si>
    <t>こども健康担当</t>
    <phoneticPr fontId="2"/>
  </si>
  <si>
    <t>0467-81-7171</t>
    <phoneticPr fontId="2"/>
  </si>
  <si>
    <t>福祉総合相談担当</t>
    <rPh sb="0" eb="2">
      <t>フクシ</t>
    </rPh>
    <rPh sb="2" eb="4">
      <t>ソウゴウ</t>
    </rPh>
    <rPh sb="4" eb="6">
      <t>ソウダン</t>
    </rPh>
    <rPh sb="6" eb="8">
      <t>タントウ</t>
    </rPh>
    <phoneticPr fontId="2"/>
  </si>
  <si>
    <t>0467-81-7152</t>
    <phoneticPr fontId="2"/>
  </si>
  <si>
    <t>伊勢原市</t>
    <rPh sb="0" eb="4">
      <t>イセハラシ</t>
    </rPh>
    <phoneticPr fontId="2"/>
  </si>
  <si>
    <t>保健福祉部</t>
    <rPh sb="0" eb="2">
      <t>ホケン</t>
    </rPh>
    <rPh sb="2" eb="5">
      <t>フクシブ</t>
    </rPh>
    <phoneticPr fontId="2"/>
  </si>
  <si>
    <t>福祉政策係</t>
    <rPh sb="0" eb="2">
      <t>フクシ</t>
    </rPh>
    <rPh sb="2" eb="4">
      <t>セイサク</t>
    </rPh>
    <rPh sb="4" eb="5">
      <t>カカリ</t>
    </rPh>
    <phoneticPr fontId="2"/>
  </si>
  <si>
    <t>259-1188</t>
    <phoneticPr fontId="2"/>
  </si>
  <si>
    <t>伊勢原市田中348</t>
    <rPh sb="0" eb="4">
      <t>イセハラシ</t>
    </rPh>
    <rPh sb="4" eb="6">
      <t>タナカ</t>
    </rPh>
    <phoneticPr fontId="2"/>
  </si>
  <si>
    <t>0463-94-4718</t>
    <phoneticPr fontId="2"/>
  </si>
  <si>
    <t>南足柄市</t>
    <rPh sb="0" eb="4">
      <t>ミナミアシガラシ</t>
    </rPh>
    <phoneticPr fontId="2"/>
  </si>
  <si>
    <t>福祉健康部</t>
    <rPh sb="0" eb="2">
      <t>フクシ</t>
    </rPh>
    <rPh sb="2" eb="4">
      <t>ケンコウ</t>
    </rPh>
    <rPh sb="4" eb="5">
      <t>ブ</t>
    </rPh>
    <phoneticPr fontId="2"/>
  </si>
  <si>
    <t>福祉課</t>
    <phoneticPr fontId="2"/>
  </si>
  <si>
    <t>障害福祉班</t>
    <rPh sb="0" eb="4">
      <t>ショウガイフクシ</t>
    </rPh>
    <rPh sb="4" eb="5">
      <t>ハン</t>
    </rPh>
    <phoneticPr fontId="2"/>
  </si>
  <si>
    <t>250-0192</t>
    <phoneticPr fontId="2"/>
  </si>
  <si>
    <t>南足柄市関本440番地
南足柄市庁舎　１階</t>
    <rPh sb="0" eb="4">
      <t>ミナミアシガラシ</t>
    </rPh>
    <rPh sb="4" eb="6">
      <t>セキモト</t>
    </rPh>
    <rPh sb="9" eb="11">
      <t>バンチ</t>
    </rPh>
    <rPh sb="12" eb="16">
      <t>ミナミアシガラシ</t>
    </rPh>
    <rPh sb="16" eb="18">
      <t>チョウシャ</t>
    </rPh>
    <rPh sb="20" eb="21">
      <t>カイ</t>
    </rPh>
    <phoneticPr fontId="2"/>
  </si>
  <si>
    <t>0465-73-8047</t>
    <phoneticPr fontId="2"/>
  </si>
  <si>
    <t>250-0192</t>
  </si>
  <si>
    <t>高齢介護課</t>
    <rPh sb="0" eb="2">
      <t>コウレイ</t>
    </rPh>
    <rPh sb="2" eb="4">
      <t>カイゴ</t>
    </rPh>
    <rPh sb="4" eb="5">
      <t>カ</t>
    </rPh>
    <phoneticPr fontId="2"/>
  </si>
  <si>
    <t>高齢介護班</t>
    <rPh sb="0" eb="2">
      <t>コウレイ</t>
    </rPh>
    <rPh sb="2" eb="4">
      <t>カイゴ</t>
    </rPh>
    <rPh sb="4" eb="5">
      <t>ハン</t>
    </rPh>
    <phoneticPr fontId="2"/>
  </si>
  <si>
    <t>0465-73-8057</t>
    <phoneticPr fontId="2"/>
  </si>
  <si>
    <t>こども未来部</t>
    <rPh sb="3" eb="5">
      <t>ミライ</t>
    </rPh>
    <rPh sb="5" eb="6">
      <t>ブ</t>
    </rPh>
    <phoneticPr fontId="2"/>
  </si>
  <si>
    <t>こども支援課</t>
    <rPh sb="3" eb="5">
      <t>シエン</t>
    </rPh>
    <rPh sb="5" eb="6">
      <t>カ</t>
    </rPh>
    <phoneticPr fontId="2"/>
  </si>
  <si>
    <t>こども健康班</t>
    <rPh sb="3" eb="5">
      <t>ケンコウ</t>
    </rPh>
    <rPh sb="5" eb="6">
      <t>ハン</t>
    </rPh>
    <phoneticPr fontId="2"/>
  </si>
  <si>
    <t>250-0105</t>
    <phoneticPr fontId="2"/>
  </si>
  <si>
    <t>南足柄市関本569番地
ヴェルミ２　３階</t>
    <rPh sb="0" eb="4">
      <t>ミナミアシガラシ</t>
    </rPh>
    <rPh sb="4" eb="6">
      <t>セキモト</t>
    </rPh>
    <rPh sb="9" eb="11">
      <t>バンチ</t>
    </rPh>
    <rPh sb="19" eb="20">
      <t>カイ</t>
    </rPh>
    <phoneticPr fontId="2"/>
  </si>
  <si>
    <t>0465-73-8377</t>
    <phoneticPr fontId="2"/>
  </si>
  <si>
    <t>綾瀬市</t>
    <rPh sb="0" eb="3">
      <t>アヤセシ</t>
    </rPh>
    <phoneticPr fontId="2"/>
  </si>
  <si>
    <t>福祉部</t>
    <phoneticPr fontId="2"/>
  </si>
  <si>
    <t>障がい福祉課</t>
    <phoneticPr fontId="2"/>
  </si>
  <si>
    <t>障がい福祉担当</t>
  </si>
  <si>
    <t>252-1192</t>
    <phoneticPr fontId="2"/>
  </si>
  <si>
    <t>綾瀬市早川５５０番地
綾瀬市役所　１階</t>
    <rPh sb="0" eb="2">
      <t>アヤセ</t>
    </rPh>
    <rPh sb="2" eb="3">
      <t>シ</t>
    </rPh>
    <rPh sb="3" eb="5">
      <t>ハヤカワ</t>
    </rPh>
    <rPh sb="8" eb="10">
      <t>バンチ</t>
    </rPh>
    <rPh sb="11" eb="16">
      <t>アヤセシヤクショ</t>
    </rPh>
    <rPh sb="18" eb="19">
      <t>カイ</t>
    </rPh>
    <phoneticPr fontId="2"/>
  </si>
  <si>
    <t>0467-70-5623</t>
    <phoneticPr fontId="2"/>
  </si>
  <si>
    <t>【窓口受付時間】（平日）8時30分から17時まで（12月29日から1月3日までを除く）</t>
    <rPh sb="40" eb="41">
      <t>ノゾ</t>
    </rPh>
    <phoneticPr fontId="2"/>
  </si>
  <si>
    <t>高齢介護課</t>
    <phoneticPr fontId="2"/>
  </si>
  <si>
    <t>介護保険担当</t>
    <phoneticPr fontId="2"/>
  </si>
  <si>
    <t>0467-70-5636</t>
    <phoneticPr fontId="2"/>
  </si>
  <si>
    <t>健康こども部</t>
    <phoneticPr fontId="2"/>
  </si>
  <si>
    <t>健康づくり推進課</t>
    <phoneticPr fontId="2"/>
  </si>
  <si>
    <t>健康・医療予防担当</t>
    <phoneticPr fontId="2"/>
  </si>
  <si>
    <t>0467-77-1133</t>
    <phoneticPr fontId="2"/>
  </si>
  <si>
    <t>福祉総務課</t>
    <phoneticPr fontId="2"/>
  </si>
  <si>
    <t>福祉・生活支援担当</t>
    <phoneticPr fontId="2"/>
  </si>
  <si>
    <t>0467-70-5613</t>
    <phoneticPr fontId="2"/>
  </si>
  <si>
    <t>葉山町</t>
    <rPh sb="0" eb="3">
      <t>ハヤママチ</t>
    </rPh>
    <phoneticPr fontId="2"/>
  </si>
  <si>
    <t>福祉課</t>
    <rPh sb="0" eb="3">
      <t>フクシカ</t>
    </rPh>
    <phoneticPr fontId="2"/>
  </si>
  <si>
    <t>障害福祉係</t>
    <rPh sb="0" eb="4">
      <t>ショウガイフクシ</t>
    </rPh>
    <rPh sb="4" eb="5">
      <t>カカリ</t>
    </rPh>
    <phoneticPr fontId="2"/>
  </si>
  <si>
    <t>240-0192</t>
    <phoneticPr fontId="2"/>
  </si>
  <si>
    <t>葉山町堀内2135番地</t>
    <rPh sb="0" eb="3">
      <t>ハヤママチ</t>
    </rPh>
    <rPh sb="3" eb="5">
      <t>ホリウチ</t>
    </rPh>
    <rPh sb="9" eb="11">
      <t>バンチ</t>
    </rPh>
    <phoneticPr fontId="2"/>
  </si>
  <si>
    <t>046-876-1111（代表）</t>
    <rPh sb="13" eb="15">
      <t>ダイヒョウ</t>
    </rPh>
    <phoneticPr fontId="2"/>
  </si>
  <si>
    <t>介護高齢係</t>
    <rPh sb="0" eb="2">
      <t>カイゴ</t>
    </rPh>
    <rPh sb="2" eb="4">
      <t>コウレイ</t>
    </rPh>
    <rPh sb="4" eb="5">
      <t>カカリ</t>
    </rPh>
    <phoneticPr fontId="2"/>
  </si>
  <si>
    <t>子ども育成課</t>
    <rPh sb="3" eb="6">
      <t>イクセイカ</t>
    </rPh>
    <phoneticPr fontId="2"/>
  </si>
  <si>
    <t>子育て相談係</t>
    <rPh sb="0" eb="2">
      <t>コソダ</t>
    </rPh>
    <rPh sb="3" eb="5">
      <t>ソウダン</t>
    </rPh>
    <rPh sb="5" eb="6">
      <t>カカリ</t>
    </rPh>
    <phoneticPr fontId="2"/>
  </si>
  <si>
    <t>寒川町</t>
    <rPh sb="0" eb="3">
      <t>サムカワマチ</t>
    </rPh>
    <phoneticPr fontId="2"/>
  </si>
  <si>
    <t>健康福祉部</t>
    <rPh sb="0" eb="5">
      <t>ケンコウフクシブ</t>
    </rPh>
    <phoneticPr fontId="2"/>
  </si>
  <si>
    <t>障がい福祉担当</t>
    <rPh sb="0" eb="1">
      <t>ショウ</t>
    </rPh>
    <rPh sb="3" eb="7">
      <t>フクシタントウ</t>
    </rPh>
    <phoneticPr fontId="2"/>
  </si>
  <si>
    <t>253-0196</t>
    <phoneticPr fontId="2"/>
  </si>
  <si>
    <t>高座郡寒川町宮山165</t>
    <rPh sb="0" eb="6">
      <t>コウザグンサムカワマチ</t>
    </rPh>
    <rPh sb="6" eb="8">
      <t>ミヤヤマ</t>
    </rPh>
    <phoneticPr fontId="2"/>
  </si>
  <si>
    <t>0467-74-1111</t>
    <phoneticPr fontId="2"/>
  </si>
  <si>
    <t>高齢介護課</t>
    <rPh sb="0" eb="5">
      <t>コウレイカイゴカ</t>
    </rPh>
    <phoneticPr fontId="2"/>
  </si>
  <si>
    <t>介護保険担当</t>
    <rPh sb="0" eb="6">
      <t>カイゴホケンタントウ</t>
    </rPh>
    <phoneticPr fontId="2"/>
  </si>
  <si>
    <t>学び育成部</t>
    <rPh sb="0" eb="1">
      <t>マナ</t>
    </rPh>
    <rPh sb="2" eb="5">
      <t>イクセイブ</t>
    </rPh>
    <phoneticPr fontId="2"/>
  </si>
  <si>
    <t>子育て支援課</t>
    <rPh sb="0" eb="2">
      <t>コソダ</t>
    </rPh>
    <rPh sb="3" eb="6">
      <t>シエンカ</t>
    </rPh>
    <phoneticPr fontId="2"/>
  </si>
  <si>
    <t>のびのびすくすく担当</t>
    <rPh sb="8" eb="10">
      <t>タントウ</t>
    </rPh>
    <phoneticPr fontId="2"/>
  </si>
  <si>
    <t>健康福祉部</t>
    <phoneticPr fontId="2"/>
  </si>
  <si>
    <t>大井町</t>
    <rPh sb="0" eb="2">
      <t>オオイ</t>
    </rPh>
    <rPh sb="2" eb="3">
      <t>マチ</t>
    </rPh>
    <phoneticPr fontId="2"/>
  </si>
  <si>
    <t>258-0019</t>
    <phoneticPr fontId="2"/>
  </si>
  <si>
    <t>足柄上郡大井町金子1964番地1</t>
    <rPh sb="0" eb="4">
      <t>アシガラカミグン</t>
    </rPh>
    <rPh sb="4" eb="7">
      <t>オオイマチ</t>
    </rPh>
    <rPh sb="7" eb="9">
      <t>カネコ</t>
    </rPh>
    <rPh sb="13" eb="15">
      <t>バンチ</t>
    </rPh>
    <phoneticPr fontId="2"/>
  </si>
  <si>
    <t>0465－83－8024（直通）</t>
    <rPh sb="13" eb="15">
      <t>チョクツウ</t>
    </rPh>
    <phoneticPr fontId="2"/>
  </si>
  <si>
    <t>【窓口受付時間】（平日）８時３０分から１７時15分まで</t>
    <rPh sb="1" eb="3">
      <t>マドグチ</t>
    </rPh>
    <rPh sb="3" eb="5">
      <t>ウケツケ</t>
    </rPh>
    <rPh sb="5" eb="7">
      <t>ジカン</t>
    </rPh>
    <rPh sb="9" eb="11">
      <t>ヘイジツ</t>
    </rPh>
    <rPh sb="13" eb="14">
      <t>ジ</t>
    </rPh>
    <rPh sb="16" eb="17">
      <t>フン</t>
    </rPh>
    <rPh sb="21" eb="22">
      <t>ジ</t>
    </rPh>
    <rPh sb="24" eb="25">
      <t>フン</t>
    </rPh>
    <phoneticPr fontId="2"/>
  </si>
  <si>
    <t>山北町</t>
    <rPh sb="0" eb="3">
      <t>ヤマキタマチ</t>
    </rPh>
    <phoneticPr fontId="2"/>
  </si>
  <si>
    <t>福祉推進班</t>
    <rPh sb="0" eb="5">
      <t>フクシスイシンハン</t>
    </rPh>
    <phoneticPr fontId="2"/>
  </si>
  <si>
    <t>258-0195</t>
    <phoneticPr fontId="2"/>
  </si>
  <si>
    <t>0465-75-3644</t>
    <phoneticPr fontId="2"/>
  </si>
  <si>
    <t>【窓口受付時間】（平日）8時30分から17時15分まで</t>
    <rPh sb="24" eb="25">
      <t>フン</t>
    </rPh>
    <phoneticPr fontId="2"/>
  </si>
  <si>
    <t>愛川町</t>
    <rPh sb="0" eb="3">
      <t>アイカワマチ</t>
    </rPh>
    <phoneticPr fontId="2"/>
  </si>
  <si>
    <t>民生部</t>
    <rPh sb="0" eb="2">
      <t>ミンセイ</t>
    </rPh>
    <rPh sb="2" eb="3">
      <t>ブ</t>
    </rPh>
    <phoneticPr fontId="2"/>
  </si>
  <si>
    <t>福祉支援課</t>
    <rPh sb="0" eb="2">
      <t>フクシ</t>
    </rPh>
    <rPh sb="2" eb="4">
      <t>シエン</t>
    </rPh>
    <rPh sb="4" eb="5">
      <t>カ</t>
    </rPh>
    <phoneticPr fontId="2"/>
  </si>
  <si>
    <t>障害福祉班</t>
    <rPh sb="0" eb="2">
      <t>ショウガイ</t>
    </rPh>
    <rPh sb="2" eb="4">
      <t>フクシ</t>
    </rPh>
    <rPh sb="4" eb="5">
      <t>ハン</t>
    </rPh>
    <phoneticPr fontId="2"/>
  </si>
  <si>
    <t>243-0392</t>
    <phoneticPr fontId="2"/>
  </si>
  <si>
    <t>愛川町角田251-1
役場庁舎１階</t>
    <rPh sb="0" eb="3">
      <t>アイカワマチ</t>
    </rPh>
    <rPh sb="3" eb="5">
      <t>スミダ</t>
    </rPh>
    <rPh sb="11" eb="13">
      <t>ヤクバ</t>
    </rPh>
    <rPh sb="13" eb="15">
      <t>チョウシャ</t>
    </rPh>
    <rPh sb="16" eb="17">
      <t>カイ</t>
    </rPh>
    <phoneticPr fontId="2"/>
  </si>
  <si>
    <t>046-285-6928</t>
    <phoneticPr fontId="2"/>
  </si>
  <si>
    <t>長寿いきがい班</t>
    <rPh sb="0" eb="7">
      <t>チョウジュイキガイハン</t>
    </rPh>
    <phoneticPr fontId="2"/>
  </si>
  <si>
    <t>愛川町角田251-1
役場庁舎１階</t>
    <phoneticPr fontId="2"/>
  </si>
  <si>
    <t>健康推進課</t>
    <rPh sb="0" eb="2">
      <t>ケンコウ</t>
    </rPh>
    <rPh sb="2" eb="4">
      <t>スイシン</t>
    </rPh>
    <rPh sb="4" eb="5">
      <t>カ</t>
    </rPh>
    <phoneticPr fontId="2"/>
  </si>
  <si>
    <t>母子保健班</t>
    <rPh sb="0" eb="2">
      <t>ボシ</t>
    </rPh>
    <rPh sb="2" eb="4">
      <t>ホケン</t>
    </rPh>
    <rPh sb="4" eb="5">
      <t>ハン</t>
    </rPh>
    <phoneticPr fontId="2"/>
  </si>
  <si>
    <t>愛川町角田２５７－１
健康プラザ1階</t>
    <rPh sb="11" eb="13">
      <t>ケンコウ</t>
    </rPh>
    <rPh sb="17" eb="18">
      <t>カイ</t>
    </rPh>
    <phoneticPr fontId="2"/>
  </si>
  <si>
    <t>046‐285‐6970</t>
    <phoneticPr fontId="2"/>
  </si>
  <si>
    <t>申請受付方法</t>
    <rPh sb="0" eb="2">
      <t>シンセイ</t>
    </rPh>
    <rPh sb="2" eb="4">
      <t>ウケツケ</t>
    </rPh>
    <rPh sb="4" eb="6">
      <t>ホウホウ</t>
    </rPh>
    <phoneticPr fontId="2"/>
  </si>
  <si>
    <t>備考</t>
    <rPh sb="0" eb="2">
      <t>ビコウ</t>
    </rPh>
    <phoneticPr fontId="2"/>
  </si>
  <si>
    <t>箱根町</t>
    <rPh sb="0" eb="3">
      <t>ハコネマチ</t>
    </rPh>
    <phoneticPr fontId="2"/>
  </si>
  <si>
    <t>障がい福祉係</t>
    <rPh sb="0" eb="1">
      <t>ショウ</t>
    </rPh>
    <rPh sb="3" eb="6">
      <t>フクシカカリ</t>
    </rPh>
    <phoneticPr fontId="2"/>
  </si>
  <si>
    <t>250-0398</t>
    <phoneticPr fontId="2"/>
  </si>
  <si>
    <t>足柄下郡箱根町湯本256</t>
    <rPh sb="0" eb="9">
      <t>アシガラシモグンハコネマチユモト</t>
    </rPh>
    <phoneticPr fontId="2"/>
  </si>
  <si>
    <t>0460-85-7790</t>
    <phoneticPr fontId="2"/>
  </si>
  <si>
    <t>【郵送送付先】左欄に記載の住所</t>
    <phoneticPr fontId="2"/>
  </si>
  <si>
    <t>高齢福祉係</t>
    <rPh sb="0" eb="2">
      <t>コウレイ</t>
    </rPh>
    <rPh sb="2" eb="4">
      <t>フクシ</t>
    </rPh>
    <rPh sb="4" eb="5">
      <t>カカ</t>
    </rPh>
    <phoneticPr fontId="2"/>
  </si>
  <si>
    <t>子育て支援課</t>
    <rPh sb="0" eb="2">
      <t>コソダ</t>
    </rPh>
    <rPh sb="3" eb="5">
      <t>シエン</t>
    </rPh>
    <rPh sb="5" eb="6">
      <t>カ</t>
    </rPh>
    <phoneticPr fontId="2"/>
  </si>
  <si>
    <t>こども家庭係</t>
    <rPh sb="3" eb="5">
      <t>カテイ</t>
    </rPh>
    <rPh sb="5" eb="6">
      <t>カカリ</t>
    </rPh>
    <phoneticPr fontId="2"/>
  </si>
  <si>
    <t>0460-85-9595</t>
    <phoneticPr fontId="2"/>
  </si>
  <si>
    <t>湯河原町</t>
    <rPh sb="0" eb="4">
      <t>ユガワラマチ</t>
    </rPh>
    <phoneticPr fontId="2"/>
  </si>
  <si>
    <t>社会福祉課</t>
    <rPh sb="0" eb="5">
      <t>シャカイフクシカ</t>
    </rPh>
    <phoneticPr fontId="2"/>
  </si>
  <si>
    <t>障がい福祉係</t>
    <rPh sb="0" eb="1">
      <t>ショウ</t>
    </rPh>
    <rPh sb="3" eb="5">
      <t>フクシ</t>
    </rPh>
    <rPh sb="5" eb="6">
      <t>ガカリ</t>
    </rPh>
    <phoneticPr fontId="2"/>
  </si>
  <si>
    <t>２５９-０３９２</t>
    <phoneticPr fontId="2"/>
  </si>
  <si>
    <t>足柄下郡湯河原町中央二丁目２番地１　第一庁舎１階</t>
    <rPh sb="0" eb="8">
      <t>アシガラシモグンユガワラマチ</t>
    </rPh>
    <rPh sb="8" eb="10">
      <t>チュウオウ</t>
    </rPh>
    <rPh sb="10" eb="13">
      <t>ニチョウメ</t>
    </rPh>
    <rPh sb="14" eb="16">
      <t>バンチ</t>
    </rPh>
    <rPh sb="18" eb="20">
      <t>ダイイチ</t>
    </rPh>
    <rPh sb="20" eb="22">
      <t>チョウシャ</t>
    </rPh>
    <rPh sb="23" eb="24">
      <t>カイ</t>
    </rPh>
    <phoneticPr fontId="2"/>
  </si>
  <si>
    <t>６３-２１１１</t>
    <phoneticPr fontId="2"/>
  </si>
  <si>
    <t>横浜市</t>
    <rPh sb="0" eb="3">
      <t>ヨコハマシ</t>
    </rPh>
    <phoneticPr fontId="2"/>
  </si>
  <si>
    <t>全区分</t>
    <rPh sb="0" eb="1">
      <t>ゼン</t>
    </rPh>
    <rPh sb="1" eb="3">
      <t>クブン</t>
    </rPh>
    <phoneticPr fontId="2"/>
  </si>
  <si>
    <t>郵送、電子申請</t>
    <rPh sb="0" eb="2">
      <t>ユウソウ</t>
    </rPh>
    <rPh sb="3" eb="5">
      <t>デンシ</t>
    </rPh>
    <rPh sb="5" eb="7">
      <t>シンセイ</t>
    </rPh>
    <phoneticPr fontId="2"/>
  </si>
  <si>
    <t>福祉保健課</t>
    <rPh sb="0" eb="2">
      <t>フクシ</t>
    </rPh>
    <rPh sb="2" eb="4">
      <t>ホケン</t>
    </rPh>
    <rPh sb="4" eb="5">
      <t>カ</t>
    </rPh>
    <phoneticPr fontId="2"/>
  </si>
  <si>
    <t>川崎市</t>
    <rPh sb="0" eb="2">
      <t>カワサキ</t>
    </rPh>
    <rPh sb="2" eb="3">
      <t>シ</t>
    </rPh>
    <phoneticPr fontId="2"/>
  </si>
  <si>
    <t>相模原市</t>
    <rPh sb="0" eb="3">
      <t>サガミハラ</t>
    </rPh>
    <rPh sb="3" eb="4">
      <t>シ</t>
    </rPh>
    <phoneticPr fontId="2"/>
  </si>
  <si>
    <t>健康福祉局</t>
    <phoneticPr fontId="2"/>
  </si>
  <si>
    <t>利用証制度担当</t>
    <phoneticPr fontId="2"/>
  </si>
  <si>
    <t>231-0005</t>
    <phoneticPr fontId="2"/>
  </si>
  <si>
    <t>横浜市中区本町６丁目50番地の10</t>
    <phoneticPr fontId="2"/>
  </si>
  <si>
    <t>【郵送送付先】左欄に記載の住所
【電子申請フォーム】
https://shinsei.city.yokohama.lg.jp/cu/141003/ea/residents/procedures/apply/9c31957f-65d1-4324-be00-9d73340f48aa/start</t>
    <rPh sb="1" eb="3">
      <t>ユウソウ</t>
    </rPh>
    <rPh sb="3" eb="6">
      <t>ソウフサキ</t>
    </rPh>
    <rPh sb="7" eb="8">
      <t>ヒダリ</t>
    </rPh>
    <rPh sb="8" eb="9">
      <t>ラン</t>
    </rPh>
    <rPh sb="10" eb="12">
      <t>キサイ</t>
    </rPh>
    <rPh sb="13" eb="15">
      <t>ジュウショ</t>
    </rPh>
    <rPh sb="17" eb="19">
      <t>デンシ</t>
    </rPh>
    <rPh sb="19" eb="21">
      <t>シンセイ</t>
    </rPh>
    <phoneticPr fontId="2"/>
  </si>
  <si>
    <t>鎌倉市</t>
    <rPh sb="0" eb="3">
      <t>カマクラシ</t>
    </rPh>
    <phoneticPr fontId="2"/>
  </si>
  <si>
    <t>秦野市</t>
    <rPh sb="0" eb="3">
      <t>ハダノシ</t>
    </rPh>
    <phoneticPr fontId="2"/>
  </si>
  <si>
    <t>厚木市</t>
    <rPh sb="0" eb="2">
      <t>アツギ</t>
    </rPh>
    <rPh sb="2" eb="3">
      <t>シ</t>
    </rPh>
    <phoneticPr fontId="2"/>
  </si>
  <si>
    <t>0466-25-1111
（内線3117）</t>
    <rPh sb="14" eb="16">
      <t>ナイセン</t>
    </rPh>
    <phoneticPr fontId="2"/>
  </si>
  <si>
    <t>郵送、窓口</t>
    <rPh sb="0" eb="2">
      <t>ユウソウ</t>
    </rPh>
    <rPh sb="3" eb="5">
      <t>マドグチ</t>
    </rPh>
    <phoneticPr fontId="2"/>
  </si>
  <si>
    <t>身体障害者、
知的障害者、
精神障害者</t>
    <rPh sb="0" eb="5">
      <t>シンタイショウガイシャ</t>
    </rPh>
    <rPh sb="7" eb="9">
      <t>チテキ</t>
    </rPh>
    <rPh sb="9" eb="12">
      <t>ショウガイシャ</t>
    </rPh>
    <rPh sb="14" eb="16">
      <t>セイシン</t>
    </rPh>
    <rPh sb="16" eb="19">
      <t>ショウガイシャ</t>
    </rPh>
    <phoneticPr fontId="2"/>
  </si>
  <si>
    <t>身体障害者、
知的障害者、
精神障害者、
難病患者、
高齢者等、
けが人等</t>
    <rPh sb="0" eb="5">
      <t>シンタイショウガイシャ</t>
    </rPh>
    <rPh sb="7" eb="9">
      <t>チテキ</t>
    </rPh>
    <rPh sb="9" eb="12">
      <t>ショウガイシャ</t>
    </rPh>
    <rPh sb="14" eb="16">
      <t>セイシン</t>
    </rPh>
    <rPh sb="16" eb="19">
      <t>ショウガイシャ</t>
    </rPh>
    <rPh sb="21" eb="25">
      <t>ナンビョウカンジャ</t>
    </rPh>
    <rPh sb="27" eb="30">
      <t>コウレイシャ</t>
    </rPh>
    <rPh sb="30" eb="31">
      <t>トウ</t>
    </rPh>
    <rPh sb="35" eb="36">
      <t>ニン</t>
    </rPh>
    <rPh sb="36" eb="37">
      <t>トウ</t>
    </rPh>
    <phoneticPr fontId="2"/>
  </si>
  <si>
    <t>身体障害者、
知的障害者、
精神障害者、
難病患者、
けが人等</t>
    <rPh sb="0" eb="5">
      <t>シンタイショウガイシャ</t>
    </rPh>
    <rPh sb="7" eb="12">
      <t>チテキショウガイシャ</t>
    </rPh>
    <rPh sb="14" eb="19">
      <t>セイシンショウガイシャ</t>
    </rPh>
    <phoneticPr fontId="2"/>
  </si>
  <si>
    <t>身体障害者、
知的障害者、
精神障害者、
難病患者</t>
    <rPh sb="0" eb="5">
      <t>シンタイショウガイシャ</t>
    </rPh>
    <rPh sb="7" eb="12">
      <t>チテキショウガイシャ</t>
    </rPh>
    <rPh sb="14" eb="19">
      <t>セイシンショウガイシャ</t>
    </rPh>
    <rPh sb="21" eb="23">
      <t>ナンビョウ</t>
    </rPh>
    <rPh sb="23" eb="25">
      <t>カンジャ</t>
    </rPh>
    <phoneticPr fontId="2"/>
  </si>
  <si>
    <t>身体障害者、
知的障害者、
精神障害者、
難病患者</t>
    <rPh sb="0" eb="2">
      <t>シンタイ</t>
    </rPh>
    <rPh sb="2" eb="5">
      <t>ショウガイシャ</t>
    </rPh>
    <rPh sb="7" eb="9">
      <t>チテキ</t>
    </rPh>
    <rPh sb="9" eb="12">
      <t>ショウガイシャ</t>
    </rPh>
    <rPh sb="14" eb="16">
      <t>セイシン</t>
    </rPh>
    <rPh sb="16" eb="19">
      <t>ショウガイシャ</t>
    </rPh>
    <rPh sb="21" eb="23">
      <t>ナンビョウ</t>
    </rPh>
    <rPh sb="23" eb="25">
      <t>カンジャ</t>
    </rPh>
    <phoneticPr fontId="2"/>
  </si>
  <si>
    <t>山北町山北1301‐４
山北町役場本庁舎　１階</t>
    <rPh sb="0" eb="3">
      <t>ヤマキタマチ</t>
    </rPh>
    <rPh sb="3" eb="5">
      <t>ヤマキタ</t>
    </rPh>
    <rPh sb="12" eb="15">
      <t>ヤマキタマチ</t>
    </rPh>
    <rPh sb="15" eb="17">
      <t>ヤクバ</t>
    </rPh>
    <rPh sb="17" eb="20">
      <t>ホンチョウシャ</t>
    </rPh>
    <rPh sb="22" eb="23">
      <t>カイ</t>
    </rPh>
    <phoneticPr fontId="2"/>
  </si>
  <si>
    <t>身体障害者、
知的障害者、
精神障害者、
難病患者、
けが人等</t>
    <rPh sb="0" eb="2">
      <t>シンタイ</t>
    </rPh>
    <rPh sb="2" eb="5">
      <t>ショウガイシャ</t>
    </rPh>
    <rPh sb="7" eb="9">
      <t>チテキ</t>
    </rPh>
    <rPh sb="9" eb="12">
      <t>ショウガイシャ</t>
    </rPh>
    <rPh sb="14" eb="16">
      <t>セイシン</t>
    </rPh>
    <rPh sb="16" eb="19">
      <t>ショウガイシャ</t>
    </rPh>
    <rPh sb="21" eb="23">
      <t>ナンビョウ</t>
    </rPh>
    <rPh sb="23" eb="25">
      <t>カンジャ</t>
    </rPh>
    <rPh sb="29" eb="31">
      <t>ニントウ</t>
    </rPh>
    <phoneticPr fontId="2"/>
  </si>
  <si>
    <t>身体障害者、
知的障害者、
精神障害者、
難病患者、
けが人等</t>
    <rPh sb="0" eb="2">
      <t>シンタイ</t>
    </rPh>
    <rPh sb="2" eb="5">
      <t>ショウガイシャ</t>
    </rPh>
    <rPh sb="7" eb="9">
      <t>チテキ</t>
    </rPh>
    <rPh sb="9" eb="12">
      <t>ショウガイシャ</t>
    </rPh>
    <rPh sb="14" eb="16">
      <t>セイシン</t>
    </rPh>
    <rPh sb="16" eb="19">
      <t>ショウガイシャ</t>
    </rPh>
    <rPh sb="21" eb="23">
      <t>ナンビョウ</t>
    </rPh>
    <rPh sb="23" eb="25">
      <t>カンジャ</t>
    </rPh>
    <rPh sb="29" eb="30">
      <t>ニン</t>
    </rPh>
    <rPh sb="30" eb="31">
      <t>トウ</t>
    </rPh>
    <phoneticPr fontId="2"/>
  </si>
  <si>
    <t>046-285-2111
（内線）3339</t>
    <rPh sb="14" eb="16">
      <t>ナイセン</t>
    </rPh>
    <phoneticPr fontId="2"/>
  </si>
  <si>
    <t>綾瀬市深谷中４丁目７番１０号　保健福祉プラザ　１階</t>
    <rPh sb="0" eb="2">
      <t>アヤセ</t>
    </rPh>
    <rPh sb="2" eb="3">
      <t>シ</t>
    </rPh>
    <rPh sb="3" eb="5">
      <t>フカヤ</t>
    </rPh>
    <rPh sb="5" eb="6">
      <t>チュウ</t>
    </rPh>
    <rPh sb="7" eb="9">
      <t>チョウメ</t>
    </rPh>
    <rPh sb="10" eb="11">
      <t>バン</t>
    </rPh>
    <rPh sb="13" eb="14">
      <t>ゴウ</t>
    </rPh>
    <rPh sb="15" eb="19">
      <t>ホケンフクシ</t>
    </rPh>
    <rPh sb="24" eb="25">
      <t>カイ</t>
    </rPh>
    <phoneticPr fontId="2"/>
  </si>
  <si>
    <t>【窓口受付時間】（平日）午前８時３０分から１７時１５分まで</t>
    <rPh sb="1" eb="3">
      <t>マドグチ</t>
    </rPh>
    <rPh sb="3" eb="5">
      <t>ウケツケ</t>
    </rPh>
    <rPh sb="5" eb="7">
      <t>ジカン</t>
    </rPh>
    <rPh sb="9" eb="11">
      <t>ヘイジツ</t>
    </rPh>
    <rPh sb="12" eb="14">
      <t>ゴゼン</t>
    </rPh>
    <rPh sb="15" eb="16">
      <t>ジ</t>
    </rPh>
    <rPh sb="18" eb="19">
      <t>フン</t>
    </rPh>
    <rPh sb="23" eb="24">
      <t>ジ</t>
    </rPh>
    <rPh sb="26" eb="27">
      <t>フン</t>
    </rPh>
    <phoneticPr fontId="2"/>
  </si>
  <si>
    <t>ー</t>
    <phoneticPr fontId="2"/>
  </si>
  <si>
    <t>介護保険課</t>
    <rPh sb="0" eb="5">
      <t>カイゴホケンカ</t>
    </rPh>
    <phoneticPr fontId="2"/>
  </si>
  <si>
    <t>介護保険担当</t>
    <rPh sb="0" eb="4">
      <t>カイゴホケン</t>
    </rPh>
    <rPh sb="4" eb="6">
      <t>タントウ</t>
    </rPh>
    <phoneticPr fontId="2"/>
  </si>
  <si>
    <t>こどもみらい部</t>
    <rPh sb="6" eb="7">
      <t>ブ</t>
    </rPh>
    <phoneticPr fontId="2"/>
  </si>
  <si>
    <t>こども家庭相談課</t>
    <rPh sb="3" eb="5">
      <t>カテイ</t>
    </rPh>
    <rPh sb="5" eb="7">
      <t>ソウダン</t>
    </rPh>
    <rPh sb="7" eb="8">
      <t>カ</t>
    </rPh>
    <phoneticPr fontId="2"/>
  </si>
  <si>
    <t>母子健康担当</t>
    <rPh sb="0" eb="2">
      <t>ボシ</t>
    </rPh>
    <rPh sb="2" eb="4">
      <t>ケンコウ</t>
    </rPh>
    <rPh sb="4" eb="6">
      <t>タントウ</t>
    </rPh>
    <phoneticPr fontId="2"/>
  </si>
  <si>
    <t>福祉総務課</t>
    <rPh sb="0" eb="5">
      <t>フクシソウムカ</t>
    </rPh>
    <phoneticPr fontId="2"/>
  </si>
  <si>
    <t>福祉総務担当</t>
    <rPh sb="0" eb="4">
      <t>フクシソウム</t>
    </rPh>
    <rPh sb="4" eb="6">
      <t>タントウ</t>
    </rPh>
    <phoneticPr fontId="2"/>
  </si>
  <si>
    <t>健康福祉部</t>
  </si>
  <si>
    <t>障害福祉課</t>
  </si>
  <si>
    <t>障害福祉担当</t>
  </si>
  <si>
    <t>248-8686</t>
    <phoneticPr fontId="2"/>
  </si>
  <si>
    <t>鎌倉市御成町18番10号</t>
    <phoneticPr fontId="2"/>
  </si>
  <si>
    <t>身体障害者</t>
    <phoneticPr fontId="2"/>
  </si>
  <si>
    <t>精神障害者、
難病患者</t>
    <phoneticPr fontId="2"/>
  </si>
  <si>
    <t>知的障害者</t>
    <phoneticPr fontId="2"/>
  </si>
  <si>
    <t>0467-23-3000 内線2367</t>
    <rPh sb="13" eb="15">
      <t>ナイセン</t>
    </rPh>
    <phoneticPr fontId="2"/>
  </si>
  <si>
    <t>0467-23-3000 内線2369</t>
    <rPh sb="13" eb="15">
      <t>ナイセン</t>
    </rPh>
    <phoneticPr fontId="2"/>
  </si>
  <si>
    <t>0467-23-3000 内線2693</t>
    <phoneticPr fontId="2"/>
  </si>
  <si>
    <t>0467-23-3000 内線2992</t>
    <rPh sb="13" eb="15">
      <t>ナイセン</t>
    </rPh>
    <phoneticPr fontId="2"/>
  </si>
  <si>
    <t>0467-23-3000 内線2334</t>
    <rPh sb="13" eb="15">
      <t>ナイセン</t>
    </rPh>
    <phoneticPr fontId="2"/>
  </si>
  <si>
    <t>0467-23-3000 内線2561</t>
    <rPh sb="13" eb="15">
      <t>ナイセン</t>
    </rPh>
    <phoneticPr fontId="2"/>
  </si>
  <si>
    <t>【窓口受付時間】（平日）8時30分から17時00分まで</t>
    <phoneticPr fontId="2"/>
  </si>
  <si>
    <t>小児慢性特定疾病（日常生活用具給付）はこども育成相談課が受付</t>
    <phoneticPr fontId="2"/>
  </si>
  <si>
    <t>障害福祉課</t>
    <rPh sb="0" eb="5">
      <t>ショウガイフクシカ</t>
    </rPh>
    <phoneticPr fontId="2"/>
  </si>
  <si>
    <t>自立支援担当</t>
    <rPh sb="0" eb="2">
      <t>ジリツ</t>
    </rPh>
    <rPh sb="2" eb="4">
      <t>シエン</t>
    </rPh>
    <rPh sb="4" eb="6">
      <t>タントウ</t>
    </rPh>
    <phoneticPr fontId="2"/>
  </si>
  <si>
    <t>257-8501</t>
  </si>
  <si>
    <t>秦野市桜町1-3-2
秦野市役所本庁舎１階</t>
    <rPh sb="0" eb="3">
      <t>ハダノシ</t>
    </rPh>
    <rPh sb="3" eb="5">
      <t>サクラチョウ</t>
    </rPh>
    <rPh sb="11" eb="16">
      <t>ハダノシヤクショ</t>
    </rPh>
    <rPh sb="16" eb="19">
      <t>ホンチョウシャ</t>
    </rPh>
    <rPh sb="20" eb="21">
      <t>カイ</t>
    </rPh>
    <phoneticPr fontId="2"/>
  </si>
  <si>
    <t>0463-82-7616</t>
  </si>
  <si>
    <t>全区分</t>
    <phoneticPr fontId="2"/>
  </si>
  <si>
    <t>身体障害者、
知的障害者、
精神障害者、
難病患者</t>
    <rPh sb="0" eb="5">
      <t>シンタイショウガイシャ</t>
    </rPh>
    <rPh sb="7" eb="12">
      <t>チテキショウガイシャ</t>
    </rPh>
    <rPh sb="14" eb="19">
      <t>セイシンショウガイシャ</t>
    </rPh>
    <phoneticPr fontId="2"/>
  </si>
  <si>
    <t>障がい福祉課</t>
    <rPh sb="0" eb="1">
      <t>ショウ</t>
    </rPh>
    <rPh sb="3" eb="6">
      <t>フクシカ</t>
    </rPh>
    <phoneticPr fontId="2"/>
  </si>
  <si>
    <t>障がい福祉係</t>
    <rPh sb="0" eb="1">
      <t>ショウ</t>
    </rPh>
    <phoneticPr fontId="2"/>
  </si>
  <si>
    <t>２４３－８５１１</t>
  </si>
  <si>
    <t>厚木市中町3-17-17
第二庁舎　１階東側</t>
    <rPh sb="13" eb="15">
      <t>ダイニ</t>
    </rPh>
    <rPh sb="20" eb="21">
      <t>ヒガシ</t>
    </rPh>
    <rPh sb="21" eb="22">
      <t>ガワ</t>
    </rPh>
    <phoneticPr fontId="2"/>
  </si>
  <si>
    <t>046-225-2221</t>
  </si>
  <si>
    <t>市民福祉部</t>
    <phoneticPr fontId="2"/>
  </si>
  <si>
    <t>介護福祉課</t>
    <rPh sb="0" eb="2">
      <t>カイゴ</t>
    </rPh>
    <rPh sb="2" eb="5">
      <t>フクシカ</t>
    </rPh>
    <phoneticPr fontId="2"/>
  </si>
  <si>
    <t>介護給付係</t>
    <rPh sb="0" eb="2">
      <t>カイゴ</t>
    </rPh>
    <rPh sb="2" eb="4">
      <t>キュウフ</t>
    </rPh>
    <rPh sb="4" eb="5">
      <t>カカリ</t>
    </rPh>
    <phoneticPr fontId="2"/>
  </si>
  <si>
    <t>厚木市中町3-17-17
本庁舎　２階10番窓口</t>
    <rPh sb="0" eb="3">
      <t>アツギシ</t>
    </rPh>
    <rPh sb="3" eb="5">
      <t>ナカチョウ</t>
    </rPh>
    <rPh sb="13" eb="14">
      <t>ホン</t>
    </rPh>
    <rPh sb="14" eb="16">
      <t>チョウシャ</t>
    </rPh>
    <rPh sb="18" eb="19">
      <t>カイ</t>
    </rPh>
    <rPh sb="21" eb="22">
      <t>バン</t>
    </rPh>
    <rPh sb="22" eb="24">
      <t>マドグチ</t>
    </rPh>
    <phoneticPr fontId="2"/>
  </si>
  <si>
    <t>046-225-2240</t>
  </si>
  <si>
    <t>健康こどもみらい部</t>
  </si>
  <si>
    <t>こども家庭センター</t>
  </si>
  <si>
    <t xml:space="preserve">こども保健第二係 </t>
  </si>
  <si>
    <t>２４３－００１８</t>
  </si>
  <si>
    <t>厚木市中町1-4-1厚木市　　保健福祉センター　２階</t>
    <rPh sb="10" eb="13">
      <t>アツギシ</t>
    </rPh>
    <rPh sb="15" eb="17">
      <t>ホケン</t>
    </rPh>
    <rPh sb="17" eb="19">
      <t>フクシ</t>
    </rPh>
    <rPh sb="25" eb="26">
      <t>カイ</t>
    </rPh>
    <phoneticPr fontId="2"/>
  </si>
  <si>
    <t>市民福祉部</t>
    <rPh sb="0" eb="2">
      <t>シミン</t>
    </rPh>
    <rPh sb="2" eb="4">
      <t>フクシ</t>
    </rPh>
    <rPh sb="4" eb="5">
      <t>ブ</t>
    </rPh>
    <phoneticPr fontId="2"/>
  </si>
  <si>
    <t>地域包括ケア推進課</t>
    <rPh sb="0" eb="2">
      <t>チイキ</t>
    </rPh>
    <rPh sb="2" eb="4">
      <t>ホウカツ</t>
    </rPh>
    <rPh sb="6" eb="8">
      <t>スイシン</t>
    </rPh>
    <rPh sb="8" eb="9">
      <t>カ</t>
    </rPh>
    <phoneticPr fontId="2"/>
  </si>
  <si>
    <t>厚木市中町3-17-17
第二庁舎　５階西側</t>
    <rPh sb="0" eb="3">
      <t>アツギシ</t>
    </rPh>
    <rPh sb="3" eb="5">
      <t>ナカチョウ</t>
    </rPh>
    <rPh sb="13" eb="14">
      <t>ダイ</t>
    </rPh>
    <rPh sb="14" eb="15">
      <t>ニ</t>
    </rPh>
    <rPh sb="15" eb="17">
      <t>チョウシャ</t>
    </rPh>
    <rPh sb="19" eb="20">
      <t>カイ</t>
    </rPh>
    <rPh sb="20" eb="22">
      <t>ニシガワ</t>
    </rPh>
    <phoneticPr fontId="2"/>
  </si>
  <si>
    <t>046-225-2597</t>
  </si>
  <si>
    <t>046-225-2200</t>
  </si>
  <si>
    <t>【窓口受付時間】（平日）8時30分から17時15分</t>
    <phoneticPr fontId="2"/>
  </si>
  <si>
    <t>大磯町</t>
    <rPh sb="0" eb="3">
      <t>オオイソマチ</t>
    </rPh>
    <phoneticPr fontId="2"/>
  </si>
  <si>
    <t>町民福祉部</t>
    <rPh sb="0" eb="5">
      <t>チョウミンフクシブ</t>
    </rPh>
    <phoneticPr fontId="2"/>
  </si>
  <si>
    <t>地域福祉係</t>
    <rPh sb="0" eb="5">
      <t>チイキフクシカカリ</t>
    </rPh>
    <phoneticPr fontId="2"/>
  </si>
  <si>
    <t>255-8555</t>
    <phoneticPr fontId="2"/>
  </si>
  <si>
    <t>中郡大磯町東小磯１８３</t>
    <rPh sb="0" eb="2">
      <t>ナカグン</t>
    </rPh>
    <rPh sb="2" eb="5">
      <t>オオイソマチ</t>
    </rPh>
    <rPh sb="5" eb="8">
      <t>ヒガシコイソ</t>
    </rPh>
    <phoneticPr fontId="2"/>
  </si>
  <si>
    <t>0463-61-4100（代表）</t>
    <rPh sb="13" eb="15">
      <t>ダイヒョウ</t>
    </rPh>
    <phoneticPr fontId="2"/>
  </si>
  <si>
    <t>【窓口受付時間】（平日）８時３０分から１７時15分まで</t>
    <phoneticPr fontId="2"/>
  </si>
  <si>
    <t>身体障害者、
知的障害者、
精神障害者</t>
    <phoneticPr fontId="2"/>
  </si>
  <si>
    <t>町民福祉部</t>
    <phoneticPr fontId="2"/>
  </si>
  <si>
    <t>259-0111</t>
    <phoneticPr fontId="2"/>
  </si>
  <si>
    <t>中郡大磯町国府本郷１１９６</t>
    <rPh sb="0" eb="2">
      <t>ナカグン</t>
    </rPh>
    <rPh sb="2" eb="5">
      <t>オオイソマチ</t>
    </rPh>
    <rPh sb="5" eb="7">
      <t>コクフ</t>
    </rPh>
    <rPh sb="7" eb="9">
      <t>ホンゴウ</t>
    </rPh>
    <phoneticPr fontId="2"/>
  </si>
  <si>
    <t>0463-73-4530</t>
    <phoneticPr fontId="2"/>
  </si>
  <si>
    <t>高齢福祉係</t>
    <rPh sb="0" eb="2">
      <t>コウレイ</t>
    </rPh>
    <rPh sb="2" eb="5">
      <t>フクシカカリ</t>
    </rPh>
    <phoneticPr fontId="2"/>
  </si>
  <si>
    <t>妊産婦</t>
    <phoneticPr fontId="2"/>
  </si>
  <si>
    <t>小田原市</t>
    <rPh sb="0" eb="4">
      <t>オダワラシ</t>
    </rPh>
    <phoneticPr fontId="2"/>
  </si>
  <si>
    <t>真鶴町</t>
    <rPh sb="0" eb="2">
      <t>マナヅル</t>
    </rPh>
    <rPh sb="2" eb="3">
      <t>マチ</t>
    </rPh>
    <phoneticPr fontId="2"/>
  </si>
  <si>
    <t>清川村</t>
    <rPh sb="0" eb="3">
      <t>キヨカワムラ</t>
    </rPh>
    <phoneticPr fontId="2"/>
  </si>
  <si>
    <t>子育て健康福祉課</t>
    <rPh sb="0" eb="2">
      <t>コソダ</t>
    </rPh>
    <rPh sb="3" eb="8">
      <t>ケンコウフクシカ</t>
    </rPh>
    <phoneticPr fontId="2"/>
  </si>
  <si>
    <t>健康福祉係</t>
    <rPh sb="0" eb="5">
      <t>ケンコウフクシカカリ</t>
    </rPh>
    <phoneticPr fontId="2"/>
  </si>
  <si>
    <t>243-0195</t>
  </si>
  <si>
    <t>愛甲郡清川村煤ケ谷２２１８番地</t>
    <rPh sb="0" eb="3">
      <t>アイコウグン</t>
    </rPh>
    <rPh sb="3" eb="6">
      <t>キヨカワムラ</t>
    </rPh>
    <rPh sb="6" eb="9">
      <t>ススガヤ</t>
    </rPh>
    <rPh sb="13" eb="15">
      <t>バンチ</t>
    </rPh>
    <phoneticPr fontId="2"/>
  </si>
  <si>
    <t>【窓口受付時間】（平日）8時30分から17時15分まで</t>
    <phoneticPr fontId="2"/>
  </si>
  <si>
    <t>福祉健康部</t>
    <rPh sb="0" eb="2">
      <t>フクシ</t>
    </rPh>
    <rPh sb="2" eb="5">
      <t>ケンコウブ</t>
    </rPh>
    <phoneticPr fontId="2"/>
  </si>
  <si>
    <t>250-8555</t>
  </si>
  <si>
    <t>小田原市荻窪300番地</t>
    <rPh sb="0" eb="4">
      <t>オダワラシ</t>
    </rPh>
    <rPh sb="4" eb="6">
      <t>オギクボ</t>
    </rPh>
    <rPh sb="9" eb="11">
      <t>バンチ</t>
    </rPh>
    <phoneticPr fontId="2"/>
  </si>
  <si>
    <t>0465-33-1468</t>
  </si>
  <si>
    <t>身体障害者、
知的障害者、
精神障害者、
難病患者</t>
    <rPh sb="0" eb="5">
      <t>シンタイショウガイシャ</t>
    </rPh>
    <rPh sb="7" eb="9">
      <t>チテキ</t>
    </rPh>
    <rPh sb="9" eb="12">
      <t>ショウガイシャ</t>
    </rPh>
    <rPh sb="14" eb="16">
      <t>セイシン</t>
    </rPh>
    <rPh sb="16" eb="19">
      <t>ショウガイシャ</t>
    </rPh>
    <rPh sb="21" eb="23">
      <t>ナンビョウ</t>
    </rPh>
    <rPh sb="23" eb="25">
      <t>カンジャ</t>
    </rPh>
    <phoneticPr fontId="2"/>
  </si>
  <si>
    <t>高齢者福祉係</t>
    <rPh sb="0" eb="3">
      <t>コウレイシャ</t>
    </rPh>
    <rPh sb="3" eb="5">
      <t>フクシ</t>
    </rPh>
    <rPh sb="5" eb="6">
      <t>カカリ</t>
    </rPh>
    <phoneticPr fontId="2"/>
  </si>
  <si>
    <t>子ども若者部</t>
    <rPh sb="0" eb="1">
      <t>コ</t>
    </rPh>
    <rPh sb="3" eb="5">
      <t>ワカモノ</t>
    </rPh>
    <rPh sb="5" eb="6">
      <t>ブ</t>
    </rPh>
    <phoneticPr fontId="2"/>
  </si>
  <si>
    <t>子ども若者支援課</t>
    <rPh sb="3" eb="5">
      <t>ワカモノ</t>
    </rPh>
    <rPh sb="5" eb="8">
      <t>シエンカ</t>
    </rPh>
    <phoneticPr fontId="2"/>
  </si>
  <si>
    <t>子ども健康係</t>
    <rPh sb="0" eb="1">
      <t>コ</t>
    </rPh>
    <rPh sb="3" eb="5">
      <t>ケンコウ</t>
    </rPh>
    <rPh sb="5" eb="6">
      <t>カカリ</t>
    </rPh>
    <phoneticPr fontId="2"/>
  </si>
  <si>
    <t>250-0055</t>
  </si>
  <si>
    <t>小田原市久野195-1　おだわら子ども若者教育支援センターはーもにぃ内</t>
    <rPh sb="0" eb="4">
      <t>オダワラシ</t>
    </rPh>
    <rPh sb="4" eb="6">
      <t>クノ</t>
    </rPh>
    <rPh sb="16" eb="17">
      <t>コ</t>
    </rPh>
    <rPh sb="19" eb="21">
      <t>ワカモノ</t>
    </rPh>
    <rPh sb="21" eb="25">
      <t>キョウイクシエン</t>
    </rPh>
    <rPh sb="34" eb="35">
      <t>ナイ</t>
    </rPh>
    <phoneticPr fontId="2"/>
  </si>
  <si>
    <t>0465-46-7025</t>
  </si>
  <si>
    <t>福祉健康部</t>
    <rPh sb="2" eb="5">
      <t>ケンコウブ</t>
    </rPh>
    <phoneticPr fontId="2"/>
  </si>
  <si>
    <t>福祉政策課</t>
    <rPh sb="0" eb="2">
      <t>フクシ</t>
    </rPh>
    <rPh sb="2" eb="5">
      <t>セイサクカ</t>
    </rPh>
    <phoneticPr fontId="2"/>
  </si>
  <si>
    <t>0465-33-1861</t>
  </si>
  <si>
    <t>障がい者支援係</t>
    <rPh sb="0" eb="1">
      <t>ショウ</t>
    </rPh>
    <rPh sb="3" eb="4">
      <t>シャ</t>
    </rPh>
    <rPh sb="4" eb="6">
      <t>シエン</t>
    </rPh>
    <rPh sb="6" eb="7">
      <t>カカリ</t>
    </rPh>
    <phoneticPr fontId="2"/>
  </si>
  <si>
    <t>0465-33-1841</t>
    <phoneticPr fontId="2"/>
  </si>
  <si>
    <t>緑区</t>
    <rPh sb="0" eb="2">
      <t>ミドリク</t>
    </rPh>
    <phoneticPr fontId="2"/>
  </si>
  <si>
    <t>身体障害者、
知的障害者</t>
    <rPh sb="0" eb="2">
      <t>シンタイ</t>
    </rPh>
    <rPh sb="2" eb="5">
      <t>ショウガイシャ</t>
    </rPh>
    <rPh sb="7" eb="9">
      <t>チテキ</t>
    </rPh>
    <rPh sb="9" eb="12">
      <t>ショウガイシャ</t>
    </rPh>
    <phoneticPr fontId="2"/>
  </si>
  <si>
    <t>難病患者</t>
    <rPh sb="0" eb="2">
      <t>ナンビョウ</t>
    </rPh>
    <rPh sb="2" eb="4">
      <t>カンジャ</t>
    </rPh>
    <phoneticPr fontId="2"/>
  </si>
  <si>
    <t>中央区</t>
    <rPh sb="0" eb="3">
      <t>チュウオウク</t>
    </rPh>
    <phoneticPr fontId="2"/>
  </si>
  <si>
    <t>南区</t>
    <rPh sb="0" eb="2">
      <t>ミナミク</t>
    </rPh>
    <phoneticPr fontId="2"/>
  </si>
  <si>
    <t>地域包括ケア推進部</t>
    <phoneticPr fontId="2"/>
  </si>
  <si>
    <t>城山福祉相談センター</t>
    <phoneticPr fontId="2"/>
  </si>
  <si>
    <t>緑高齢・障害者相談課</t>
    <phoneticPr fontId="2"/>
  </si>
  <si>
    <t>津久井高齢・障害者相談課</t>
    <phoneticPr fontId="2"/>
  </si>
  <si>
    <t>相模湖福祉相談センター</t>
    <phoneticPr fontId="2"/>
  </si>
  <si>
    <t>藤野福祉相談センター</t>
  </si>
  <si>
    <t>【城山地区】</t>
    <phoneticPr fontId="2"/>
  </si>
  <si>
    <t xml:space="preserve">障害福祉班【津久井地区】 </t>
    <phoneticPr fontId="2"/>
  </si>
  <si>
    <t>【相模湖地区】</t>
    <phoneticPr fontId="2"/>
  </si>
  <si>
    <t>【藤野地区】</t>
    <phoneticPr fontId="2"/>
  </si>
  <si>
    <t>身体・知的福祉班【橋本・相原・大沢地区】</t>
    <phoneticPr fontId="2"/>
  </si>
  <si>
    <t>中央高齢・障害者相談課</t>
    <phoneticPr fontId="2"/>
  </si>
  <si>
    <t>南高齢・障害者相談課</t>
    <phoneticPr fontId="2"/>
  </si>
  <si>
    <t>身体・知的福祉班</t>
    <phoneticPr fontId="2"/>
  </si>
  <si>
    <t>252-5177</t>
  </si>
  <si>
    <t>252-5177</t>
    <phoneticPr fontId="2"/>
  </si>
  <si>
    <t>252-5192</t>
    <phoneticPr fontId="2"/>
  </si>
  <si>
    <t>252-5172</t>
  </si>
  <si>
    <t>252-5172</t>
    <phoneticPr fontId="2"/>
  </si>
  <si>
    <t>252-5162</t>
    <phoneticPr fontId="2"/>
  </si>
  <si>
    <t>252-5152</t>
    <phoneticPr fontId="2"/>
  </si>
  <si>
    <t>252-5277</t>
    <phoneticPr fontId="2"/>
  </si>
  <si>
    <t>252-0303</t>
  </si>
  <si>
    <t>252-0303</t>
    <phoneticPr fontId="2"/>
  </si>
  <si>
    <t>緑区西橋本5-3-21　緑区合同庁舎3階</t>
  </si>
  <si>
    <t>緑区久保沢1-3-1　城山総合事務所本館1階</t>
  </si>
  <si>
    <t>緑区中野613-2　津久井保健センター1階</t>
  </si>
  <si>
    <t>緑区与瀬896　相模湖総合事務所2階</t>
  </si>
  <si>
    <t>緑区小渕2000　藤野総合事務所2階</t>
  </si>
  <si>
    <t>中央区富士見6-1-1　ウェルネスさがみはらA館1階</t>
  </si>
  <si>
    <t>南区相模大野6-22-1　南保健福祉センター3階</t>
  </si>
  <si>
    <t>中央区富士見6-1-1　ウェルネスさがみはらA館1階</t>
    <phoneticPr fontId="2"/>
  </si>
  <si>
    <t>042-775-8810</t>
  </si>
  <si>
    <t>042-783-8136</t>
  </si>
  <si>
    <t>042-780-1412</t>
  </si>
  <si>
    <t>042-684-3215</t>
  </si>
  <si>
    <t>042-687-5511</t>
  </si>
  <si>
    <t>042-769-9266</t>
  </si>
  <si>
    <t>042-701-7722</t>
  </si>
  <si>
    <t>【窓口受付時間】（平日）8時30分から17時まで</t>
  </si>
  <si>
    <t>【窓口受付時間】（平日）8時30分から17時まで</t>
    <phoneticPr fontId="2"/>
  </si>
  <si>
    <t>精神障害者</t>
    <rPh sb="0" eb="2">
      <t>セイシン</t>
    </rPh>
    <rPh sb="2" eb="5">
      <t>ショウガイシャ</t>
    </rPh>
    <phoneticPr fontId="2"/>
  </si>
  <si>
    <t>精神保健福祉班</t>
  </si>
  <si>
    <t>精神保健福祉班</t>
    <phoneticPr fontId="2"/>
  </si>
  <si>
    <t>精神保健福祉班【橋本・相原・大沢地区】</t>
    <phoneticPr fontId="2"/>
  </si>
  <si>
    <t>緑保健センター</t>
  </si>
  <si>
    <t>緑保健センター（津久井担当）</t>
  </si>
  <si>
    <t>緑子育て支援センター</t>
  </si>
  <si>
    <t>中央子育て支援センター</t>
  </si>
  <si>
    <t>中央保健センター</t>
  </si>
  <si>
    <t>南保健センター</t>
  </si>
  <si>
    <t>南子育て支援センター</t>
  </si>
  <si>
    <t xml:space="preserve">保健衛生部 </t>
    <rPh sb="0" eb="2">
      <t>ホケン</t>
    </rPh>
    <rPh sb="2" eb="4">
      <t>エイセイ</t>
    </rPh>
    <rPh sb="4" eb="5">
      <t>ブ</t>
    </rPh>
    <phoneticPr fontId="2"/>
  </si>
  <si>
    <t>母子保健班</t>
  </si>
  <si>
    <t xml:space="preserve">津久井母子保健班  </t>
  </si>
  <si>
    <t>母子保健班</t>
    <phoneticPr fontId="2"/>
  </si>
  <si>
    <t>高齢福祉班【橋本・相原・大沢地区】</t>
    <rPh sb="0" eb="2">
      <t>コウレイ</t>
    </rPh>
    <phoneticPr fontId="2"/>
  </si>
  <si>
    <t xml:space="preserve">地域・高齢福祉班【津久井地区】 </t>
    <phoneticPr fontId="2"/>
  </si>
  <si>
    <t>高齢福祉班</t>
  </si>
  <si>
    <t>南区相模大野6-22-1　南保健福祉センター1階</t>
  </si>
  <si>
    <t>042-775-8812</t>
  </si>
  <si>
    <t>042-780-1408</t>
  </si>
  <si>
    <t>042-769-8349</t>
  </si>
  <si>
    <t>042-701-7704</t>
  </si>
  <si>
    <t>緑区西橋本5-3-21　緑区合同庁舎4階</t>
  </si>
  <si>
    <t>中央区富士見6-1-1　ウェルネスさがみはらA館4階</t>
  </si>
  <si>
    <t>042-775-8816</t>
  </si>
  <si>
    <t>042-780-1414</t>
  </si>
  <si>
    <t>042-775-8829</t>
  </si>
  <si>
    <t>042-780-1420</t>
  </si>
  <si>
    <t>042-769-8222</t>
  </si>
  <si>
    <t>042-769-8233</t>
  </si>
  <si>
    <t>042-701-7708</t>
  </si>
  <si>
    <t>042-701-7710</t>
  </si>
  <si>
    <t>小児慢性特定疾病医療受給者を除く</t>
    <phoneticPr fontId="2"/>
  </si>
  <si>
    <t>小児慢性特定疾病の受給者証を持参の方については交付可能</t>
    <phoneticPr fontId="2"/>
  </si>
  <si>
    <t>こども・若者未来局</t>
    <rPh sb="4" eb="6">
      <t>ワカモノ</t>
    </rPh>
    <rPh sb="6" eb="8">
      <t>ミライ</t>
    </rPh>
    <rPh sb="8" eb="9">
      <t>キョク</t>
    </rPh>
    <phoneticPr fontId="2"/>
  </si>
  <si>
    <t>地域包括ケア推進課</t>
    <phoneticPr fontId="2"/>
  </si>
  <si>
    <t>計画推進班</t>
    <phoneticPr fontId="2"/>
  </si>
  <si>
    <t>中央区中央2－15－15</t>
    <rPh sb="0" eb="3">
      <t>チュウオウク</t>
    </rPh>
    <rPh sb="3" eb="5">
      <t>チュウオウ</t>
    </rPh>
    <phoneticPr fontId="2"/>
  </si>
  <si>
    <t>042-769-9222</t>
  </si>
  <si>
    <t>郵送、電子申請</t>
    <rPh sb="0" eb="2">
      <t>ユウソウ</t>
    </rPh>
    <rPh sb="3" eb="5">
      <t>デンシ</t>
    </rPh>
    <rPh sb="5" eb="7">
      <t>シンセイ</t>
    </rPh>
    <phoneticPr fontId="2"/>
  </si>
  <si>
    <t>健康福祉局地域包括ケア推進室</t>
    <phoneticPr fontId="2"/>
  </si>
  <si>
    <t>地域福祉担当</t>
    <phoneticPr fontId="2"/>
  </si>
  <si>
    <t>振興担当</t>
    <rPh sb="0" eb="2">
      <t>シンコウ</t>
    </rPh>
    <rPh sb="2" eb="4">
      <t>タントウ</t>
    </rPh>
    <phoneticPr fontId="2"/>
  </si>
  <si>
    <t>210-8577</t>
    <phoneticPr fontId="2"/>
  </si>
  <si>
    <t>川崎市川崎区宮本町１番地　川崎市役所本庁舎　１２階</t>
    <phoneticPr fontId="2"/>
  </si>
  <si>
    <t>259-0202</t>
  </si>
  <si>
    <t>足柄下郡真鶴町岩244-1
庁舎１階</t>
    <rPh sb="0" eb="4">
      <t>アシガラシモグン</t>
    </rPh>
    <rPh sb="4" eb="7">
      <t>マナヅルマチ</t>
    </rPh>
    <rPh sb="7" eb="8">
      <t>イワ</t>
    </rPh>
    <rPh sb="14" eb="16">
      <t>チョウシャ</t>
    </rPh>
    <rPh sb="17" eb="18">
      <t>カイ</t>
    </rPh>
    <phoneticPr fontId="2"/>
  </si>
  <si>
    <t>0465-68-1131</t>
  </si>
  <si>
    <t>保険福祉課</t>
    <phoneticPr fontId="2"/>
  </si>
  <si>
    <t>福祉係</t>
    <phoneticPr fontId="2"/>
  </si>
  <si>
    <t>【窓口受付時間】（平日）午前８時３０分から１７時１５分まで</t>
    <phoneticPr fontId="2"/>
  </si>
  <si>
    <t>044-200-1490</t>
    <phoneticPr fontId="2"/>
  </si>
  <si>
    <t>046-288-3861</t>
    <phoneticPr fontId="2"/>
  </si>
  <si>
    <t>緑区西橋本5-3-21　緑区合同庁舎4階</t>
    <phoneticPr fontId="2"/>
  </si>
  <si>
    <t>緑区中野613-2　津久井保健センター1階</t>
    <phoneticPr fontId="2"/>
  </si>
  <si>
    <t>252-5277</t>
    <phoneticPr fontId="2"/>
  </si>
  <si>
    <t>横須賀市</t>
    <rPh sb="0" eb="4">
      <t>ヨコスカシ</t>
    </rPh>
    <phoneticPr fontId="2"/>
  </si>
  <si>
    <t>身体障害者、
知的障害者、
精神障害者、
けが人等(※)</t>
    <rPh sb="0" eb="5">
      <t>シンタイショウガイシャ</t>
    </rPh>
    <rPh sb="7" eb="9">
      <t>チテキ</t>
    </rPh>
    <rPh sb="9" eb="12">
      <t>ショウガイシャ</t>
    </rPh>
    <rPh sb="14" eb="16">
      <t>セイシン</t>
    </rPh>
    <rPh sb="16" eb="19">
      <t>ショウガイシャ</t>
    </rPh>
    <rPh sb="23" eb="24">
      <t>ニン</t>
    </rPh>
    <rPh sb="24" eb="25">
      <t>トウ</t>
    </rPh>
    <phoneticPr fontId="2"/>
  </si>
  <si>
    <t>民生局福祉こども部</t>
    <rPh sb="0" eb="3">
      <t>ミンセイキョク</t>
    </rPh>
    <rPh sb="3" eb="5">
      <t>フクシ</t>
    </rPh>
    <rPh sb="8" eb="9">
      <t>ブ</t>
    </rPh>
    <phoneticPr fontId="2"/>
  </si>
  <si>
    <t>障害福祉課</t>
    <phoneticPr fontId="2"/>
  </si>
  <si>
    <t>計画係</t>
    <rPh sb="2" eb="3">
      <t>カカリ</t>
    </rPh>
    <phoneticPr fontId="2"/>
  </si>
  <si>
    <t>238-8550</t>
    <phoneticPr fontId="2"/>
  </si>
  <si>
    <t>横須賀市小川町１１番地</t>
    <rPh sb="0" eb="4">
      <t>ヨコスカシ</t>
    </rPh>
    <rPh sb="4" eb="7">
      <t>オガワチョウ</t>
    </rPh>
    <rPh sb="9" eb="11">
      <t>バンチ</t>
    </rPh>
    <phoneticPr fontId="2"/>
  </si>
  <si>
    <t>046-822-9398</t>
    <phoneticPr fontId="2"/>
  </si>
  <si>
    <t>【窓口受付時間】（平日）8時30分から17時まで（ただし、12月29日から1月3日までを除く）</t>
    <rPh sb="1" eb="3">
      <t>マドグチ</t>
    </rPh>
    <rPh sb="3" eb="5">
      <t>ウケツケ</t>
    </rPh>
    <rPh sb="5" eb="7">
      <t>ジカン</t>
    </rPh>
    <rPh sb="9" eb="11">
      <t>ヘイジツ</t>
    </rPh>
    <rPh sb="13" eb="14">
      <t>ジ</t>
    </rPh>
    <rPh sb="16" eb="17">
      <t>フン</t>
    </rPh>
    <rPh sb="21" eb="22">
      <t>ジ</t>
    </rPh>
    <phoneticPr fontId="2"/>
  </si>
  <si>
    <t>難病患者
・特定疾患医療受給者
・特定医療費(指定難病)受給者</t>
    <rPh sb="0" eb="2">
      <t>ナンビョウ</t>
    </rPh>
    <rPh sb="2" eb="4">
      <t>カンジャ</t>
    </rPh>
    <rPh sb="6" eb="8">
      <t>トクテイ</t>
    </rPh>
    <rPh sb="8" eb="10">
      <t>シッカン</t>
    </rPh>
    <rPh sb="10" eb="12">
      <t>イリョウ</t>
    </rPh>
    <rPh sb="12" eb="15">
      <t>ジュキュウシャ</t>
    </rPh>
    <rPh sb="17" eb="19">
      <t>トクテイ</t>
    </rPh>
    <rPh sb="19" eb="21">
      <t>イリョウ</t>
    </rPh>
    <rPh sb="21" eb="22">
      <t>ヒ</t>
    </rPh>
    <rPh sb="23" eb="25">
      <t>シテイ</t>
    </rPh>
    <rPh sb="25" eb="27">
      <t>ナンビョウ</t>
    </rPh>
    <rPh sb="28" eb="31">
      <t>ジュキュウシャ</t>
    </rPh>
    <phoneticPr fontId="2"/>
  </si>
  <si>
    <t>民生局健康部</t>
    <rPh sb="0" eb="3">
      <t>ミンセイキョク</t>
    </rPh>
    <rPh sb="3" eb="6">
      <t>ケンコウブ</t>
    </rPh>
    <phoneticPr fontId="2"/>
  </si>
  <si>
    <t>保健所保健予防課</t>
    <rPh sb="0" eb="3">
      <t>ホケンジョ</t>
    </rPh>
    <rPh sb="3" eb="5">
      <t>ホケン</t>
    </rPh>
    <rPh sb="5" eb="8">
      <t>ヨボウカ</t>
    </rPh>
    <phoneticPr fontId="2"/>
  </si>
  <si>
    <t>難病担当</t>
    <rPh sb="0" eb="2">
      <t>ナンビョウ</t>
    </rPh>
    <rPh sb="2" eb="4">
      <t>タントウ</t>
    </rPh>
    <phoneticPr fontId="2"/>
  </si>
  <si>
    <t>238-0046</t>
    <phoneticPr fontId="2"/>
  </si>
  <si>
    <t>横須賀市西逸見町1-38-11ウェルシティ市民プラザ３階</t>
    <rPh sb="0" eb="7">
      <t>ヨコスカシニシヘミ</t>
    </rPh>
    <rPh sb="7" eb="8">
      <t>チョウ</t>
    </rPh>
    <rPh sb="21" eb="23">
      <t>シミン</t>
    </rPh>
    <rPh sb="27" eb="28">
      <t>カイ</t>
    </rPh>
    <phoneticPr fontId="2"/>
  </si>
  <si>
    <t>046-822-4385</t>
    <phoneticPr fontId="2"/>
  </si>
  <si>
    <t>難病患者
・小児慢性特定疾病医療受給者</t>
    <rPh sb="0" eb="2">
      <t>ナンビョウ</t>
    </rPh>
    <rPh sb="2" eb="4">
      <t>カンジャ</t>
    </rPh>
    <rPh sb="14" eb="16">
      <t>イリョウ</t>
    </rPh>
    <rPh sb="16" eb="19">
      <t>ジュキュウシャ</t>
    </rPh>
    <phoneticPr fontId="2"/>
  </si>
  <si>
    <t>民生局こども家庭支援センター</t>
    <rPh sb="0" eb="3">
      <t>ミンセイキョク</t>
    </rPh>
    <rPh sb="6" eb="8">
      <t>カテイ</t>
    </rPh>
    <rPh sb="8" eb="10">
      <t>シエン</t>
    </rPh>
    <phoneticPr fontId="2"/>
  </si>
  <si>
    <t>こども給付課</t>
    <rPh sb="3" eb="6">
      <t>キュウフカ</t>
    </rPh>
    <phoneticPr fontId="2"/>
  </si>
  <si>
    <t>医療助成係</t>
    <rPh sb="0" eb="4">
      <t>イリョウジョセイ</t>
    </rPh>
    <rPh sb="4" eb="5">
      <t>カカリ</t>
    </rPh>
    <phoneticPr fontId="2"/>
  </si>
  <si>
    <t>046-822-9729</t>
    <phoneticPr fontId="2"/>
  </si>
  <si>
    <t>介護保険課</t>
    <rPh sb="0" eb="2">
      <t>カイゴ</t>
    </rPh>
    <rPh sb="2" eb="5">
      <t>ホケンカ</t>
    </rPh>
    <phoneticPr fontId="2"/>
  </si>
  <si>
    <t>給付係</t>
  </si>
  <si>
    <t>238-8550</t>
  </si>
  <si>
    <t>横須賀市小川町１１番地</t>
  </si>
  <si>
    <t>046-822-8253</t>
  </si>
  <si>
    <t>【窓口受付時間】（平日）8時30分から17時まで（ただし、12月29日から1月3日までを除く）
対象者の介護保険被保険者証の提示が必要です。</t>
    <phoneticPr fontId="2"/>
  </si>
  <si>
    <t>民生局健康部</t>
    <phoneticPr fontId="2"/>
  </si>
  <si>
    <t>地域健康課</t>
    <phoneticPr fontId="2"/>
  </si>
  <si>
    <t>母子保健係</t>
    <rPh sb="4" eb="5">
      <t>カカリ</t>
    </rPh>
    <phoneticPr fontId="2"/>
  </si>
  <si>
    <t>横須賀市西逸見町1-38-11ウェルシティ市民プラザ3階</t>
    <rPh sb="0" eb="4">
      <t>ヨコスカシ</t>
    </rPh>
    <rPh sb="4" eb="7">
      <t>ニシヘミ</t>
    </rPh>
    <rPh sb="7" eb="8">
      <t>チョウ</t>
    </rPh>
    <rPh sb="21" eb="23">
      <t>シミン</t>
    </rPh>
    <rPh sb="27" eb="28">
      <t>カイ</t>
    </rPh>
    <phoneticPr fontId="2"/>
  </si>
  <si>
    <t>046-824-7141</t>
    <phoneticPr fontId="2"/>
  </si>
  <si>
    <t>民生局こども家庭支援センター</t>
    <phoneticPr fontId="2"/>
  </si>
  <si>
    <t>こども家庭支援課</t>
    <rPh sb="3" eb="5">
      <t>カテイ</t>
    </rPh>
    <rPh sb="5" eb="8">
      <t>シエンカ</t>
    </rPh>
    <phoneticPr fontId="2"/>
  </si>
  <si>
    <t>支援係</t>
    <rPh sb="0" eb="3">
      <t>シエンカカリ</t>
    </rPh>
    <phoneticPr fontId="2"/>
  </si>
  <si>
    <t>横須賀市小川町16番地</t>
    <rPh sb="0" eb="4">
      <t>ヨコスカシ</t>
    </rPh>
    <rPh sb="4" eb="7">
      <t>オガワチョウ</t>
    </rPh>
    <rPh sb="9" eb="11">
      <t>バンチ</t>
    </rPh>
    <phoneticPr fontId="2"/>
  </si>
  <si>
    <t>046-822-8933</t>
    <phoneticPr fontId="2"/>
  </si>
  <si>
    <t>※けが人等の場合、窓口交付は有期限の利用証の交付のみとなります。
医師の診断書による無期限の利用証の交付を希望される場合には郵送にて申請してください。</t>
    <phoneticPr fontId="2"/>
  </si>
  <si>
    <t>無期限の利用証を交付します。
「要介護１以上」の認定を受けている必要があります。</t>
    <phoneticPr fontId="2"/>
  </si>
  <si>
    <t>【郵送送付先】左欄に記載の住所
【電子申請フォーム】https://logoform.jp/form/FUQz/768958</t>
    <phoneticPr fontId="2"/>
  </si>
  <si>
    <t>市町村利用証申請受付方法一覧 (2025/11/1版）</t>
    <rPh sb="0" eb="3">
      <t>シチョウソン</t>
    </rPh>
    <rPh sb="3" eb="5">
      <t>リヨウ</t>
    </rPh>
    <rPh sb="5" eb="6">
      <t>ショウ</t>
    </rPh>
    <rPh sb="6" eb="8">
      <t>シンセイ</t>
    </rPh>
    <rPh sb="8" eb="10">
      <t>ウケツケ</t>
    </rPh>
    <rPh sb="10" eb="12">
      <t>ホウホウ</t>
    </rPh>
    <rPh sb="12" eb="14">
      <t>イチラン</t>
    </rPh>
    <rPh sb="25" eb="26">
      <t>バン</t>
    </rPh>
    <phoneticPr fontId="3"/>
  </si>
  <si>
    <t>小児慢性特定疾病（医療費助成）は地域保健課が受付</t>
    <rPh sb="0" eb="1">
      <t>ショウ</t>
    </rPh>
    <rPh sb="1" eb="2">
      <t>ジ</t>
    </rPh>
    <rPh sb="2" eb="4">
      <t>マンセイ</t>
    </rPh>
    <rPh sb="4" eb="6">
      <t>トクテイ</t>
    </rPh>
    <rPh sb="6" eb="8">
      <t>シッペイ</t>
    </rPh>
    <rPh sb="9" eb="12">
      <t>イリョウヒ</t>
    </rPh>
    <rPh sb="12" eb="14">
      <t>ジョセイ</t>
    </rPh>
    <rPh sb="16" eb="18">
      <t>チイキ</t>
    </rPh>
    <rPh sb="18" eb="20">
      <t>ホケン</t>
    </rPh>
    <rPh sb="20" eb="21">
      <t>カ</t>
    </rPh>
    <rPh sb="22" eb="24">
      <t>ウケツケ</t>
    </rPh>
    <phoneticPr fontId="2"/>
  </si>
  <si>
    <t>045-671-2387</t>
    <phoneticPr fontId="2"/>
  </si>
  <si>
    <t>地域福祉推進課</t>
    <rPh sb="0" eb="2">
      <t>チイキ</t>
    </rPh>
    <rPh sb="2" eb="4">
      <t>フクシ</t>
    </rPh>
    <rPh sb="4" eb="6">
      <t>スイシン</t>
    </rPh>
    <rPh sb="6" eb="7">
      <t>カ</t>
    </rPh>
    <phoneticPr fontId="2"/>
  </si>
  <si>
    <t>福祉総務係</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font>
      <sz val="12"/>
      <color theme="1"/>
      <name val="ＭＳ 明朝"/>
      <family val="2"/>
      <charset val="128"/>
    </font>
    <font>
      <sz val="11"/>
      <color theme="1"/>
      <name val="游ゴシック"/>
      <family val="2"/>
      <charset val="128"/>
      <scheme val="minor"/>
    </font>
    <font>
      <sz val="6"/>
      <name val="ＭＳ 明朝"/>
      <family val="2"/>
      <charset val="128"/>
    </font>
    <font>
      <sz val="6"/>
      <name val="游ゴシック"/>
      <family val="2"/>
      <charset val="128"/>
      <scheme val="minor"/>
    </font>
    <font>
      <sz val="6"/>
      <name val="ＭＳ Ｐゴシック"/>
      <family val="3"/>
      <charset val="128"/>
    </font>
    <font>
      <sz val="18"/>
      <color theme="1"/>
      <name val="BIZ UDPゴシック"/>
      <family val="3"/>
      <charset val="128"/>
    </font>
    <font>
      <sz val="18"/>
      <name val="BIZ UDPゴシック"/>
      <family val="3"/>
      <charset val="128"/>
    </font>
    <font>
      <sz val="11"/>
      <name val="BIZ UDPゴシック"/>
      <family val="3"/>
      <charset val="128"/>
    </font>
    <font>
      <sz val="10"/>
      <name val="BIZ UDPゴシック"/>
      <family val="3"/>
      <charset val="128"/>
    </font>
    <font>
      <sz val="10"/>
      <color theme="1"/>
      <name val="ＭＳ 明朝"/>
      <family val="2"/>
      <charset val="128"/>
    </font>
    <font>
      <sz val="10"/>
      <name val="游ゴシック"/>
      <family val="3"/>
      <charset val="128"/>
      <scheme val="minor"/>
    </font>
    <font>
      <sz val="12"/>
      <name val="ＭＳ 明朝"/>
      <family val="2"/>
      <charset val="128"/>
    </font>
    <font>
      <u/>
      <sz val="12"/>
      <color theme="10"/>
      <name val="ＭＳ 明朝"/>
      <family val="2"/>
      <charset val="128"/>
    </font>
  </fonts>
  <fills count="5">
    <fill>
      <patternFill patternType="none"/>
    </fill>
    <fill>
      <patternFill patternType="gray125"/>
    </fill>
    <fill>
      <patternFill patternType="solid">
        <fgColor theme="9" tint="0.59999389629810485"/>
        <bgColor indexed="64"/>
      </patternFill>
    </fill>
    <fill>
      <patternFill patternType="solid">
        <fgColor theme="0"/>
        <bgColor indexed="64"/>
      </patternFill>
    </fill>
    <fill>
      <patternFill patternType="solid">
        <fgColor rgb="FFEBF7FF"/>
        <bgColor indexed="64"/>
      </patternFill>
    </fill>
  </fills>
  <borders count="12">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s>
  <cellStyleXfs count="4">
    <xf numFmtId="0" fontId="0" fillId="0" borderId="0">
      <alignment vertical="center"/>
    </xf>
    <xf numFmtId="0" fontId="1" fillId="0" borderId="0">
      <alignment vertical="center"/>
    </xf>
    <xf numFmtId="0" fontId="1" fillId="0" borderId="0">
      <alignment vertical="center"/>
    </xf>
    <xf numFmtId="0" fontId="12" fillId="0" borderId="0" applyNumberFormat="0" applyFill="0" applyBorder="0" applyAlignment="0" applyProtection="0">
      <alignment vertical="center"/>
    </xf>
  </cellStyleXfs>
  <cellXfs count="77">
    <xf numFmtId="0" fontId="0" fillId="0" borderId="0" xfId="0">
      <alignment vertical="center"/>
    </xf>
    <xf numFmtId="0" fontId="5" fillId="0" borderId="0" xfId="1" applyFont="1" applyAlignment="1">
      <alignment vertical="center"/>
    </xf>
    <xf numFmtId="0" fontId="6" fillId="0" borderId="0" xfId="2" applyFont="1" applyFill="1" applyBorder="1" applyAlignment="1">
      <alignment vertical="center"/>
    </xf>
    <xf numFmtId="0" fontId="7" fillId="0" borderId="0" xfId="2" applyFont="1" applyFill="1" applyBorder="1" applyAlignment="1">
      <alignment horizontal="left" vertical="center" wrapText="1"/>
    </xf>
    <xf numFmtId="0" fontId="7" fillId="0" borderId="0" xfId="2" applyFont="1" applyFill="1" applyBorder="1" applyAlignment="1">
      <alignment horizontal="left" vertical="center"/>
    </xf>
    <xf numFmtId="0" fontId="7" fillId="0" borderId="0" xfId="2" applyFont="1" applyFill="1" applyAlignment="1">
      <alignment vertical="center"/>
    </xf>
    <xf numFmtId="0" fontId="7" fillId="0" borderId="1" xfId="2" applyFont="1" applyFill="1" applyBorder="1" applyAlignment="1">
      <alignment horizontal="left" vertical="center" wrapText="1"/>
    </xf>
    <xf numFmtId="0" fontId="7" fillId="0" borderId="0" xfId="2" applyFont="1" applyFill="1" applyAlignment="1">
      <alignment horizontal="left" vertical="center" wrapText="1"/>
    </xf>
    <xf numFmtId="0" fontId="7" fillId="0" borderId="0" xfId="2" applyFont="1" applyFill="1" applyAlignment="1">
      <alignment horizontal="left" vertical="center"/>
    </xf>
    <xf numFmtId="0" fontId="6" fillId="0" borderId="0" xfId="2" applyFont="1" applyFill="1" applyBorder="1" applyAlignment="1">
      <alignment horizontal="left" vertical="center"/>
    </xf>
    <xf numFmtId="0" fontId="8" fillId="0" borderId="0" xfId="2" applyFont="1" applyFill="1" applyAlignment="1">
      <alignment vertical="center"/>
    </xf>
    <xf numFmtId="0" fontId="8" fillId="0" borderId="0" xfId="2" applyFont="1" applyFill="1" applyAlignment="1">
      <alignment horizontal="center" vertical="center"/>
    </xf>
    <xf numFmtId="0" fontId="8" fillId="4" borderId="5" xfId="2" applyFont="1" applyFill="1" applyBorder="1" applyAlignment="1" applyProtection="1">
      <alignment horizontal="center" vertical="center" wrapText="1" shrinkToFit="1"/>
      <protection locked="0"/>
    </xf>
    <xf numFmtId="0" fontId="8" fillId="4" borderId="2" xfId="2" applyFont="1" applyFill="1" applyBorder="1" applyAlignment="1" applyProtection="1">
      <alignment horizontal="left" vertical="center" wrapText="1" shrinkToFit="1"/>
      <protection locked="0"/>
    </xf>
    <xf numFmtId="0" fontId="8" fillId="4" borderId="2" xfId="2" applyFont="1" applyFill="1" applyBorder="1" applyAlignment="1" applyProtection="1">
      <alignment horizontal="left" vertical="center" wrapText="1"/>
      <protection locked="0"/>
    </xf>
    <xf numFmtId="0" fontId="8" fillId="3" borderId="5" xfId="2" applyFont="1" applyFill="1" applyBorder="1" applyAlignment="1" applyProtection="1">
      <alignment horizontal="center" vertical="center" wrapText="1" shrinkToFit="1"/>
      <protection locked="0"/>
    </xf>
    <xf numFmtId="0" fontId="8" fillId="3" borderId="2" xfId="2" applyFont="1" applyFill="1" applyBorder="1" applyAlignment="1" applyProtection="1">
      <alignment horizontal="left" vertical="center" wrapText="1" shrinkToFit="1"/>
      <protection locked="0"/>
    </xf>
    <xf numFmtId="0" fontId="8" fillId="3" borderId="2" xfId="2" applyFont="1" applyFill="1" applyBorder="1" applyAlignment="1" applyProtection="1">
      <alignment horizontal="left" vertical="center" wrapText="1"/>
      <protection locked="0"/>
    </xf>
    <xf numFmtId="0" fontId="8" fillId="4" borderId="2" xfId="2" applyFont="1" applyFill="1" applyBorder="1" applyAlignment="1" applyProtection="1">
      <alignment vertical="center" wrapText="1"/>
      <protection locked="0"/>
    </xf>
    <xf numFmtId="0" fontId="8" fillId="4" borderId="3" xfId="2" applyFont="1" applyFill="1" applyBorder="1" applyAlignment="1" applyProtection="1">
      <alignment horizontal="left" vertical="center" wrapText="1"/>
      <protection locked="0"/>
    </xf>
    <xf numFmtId="0" fontId="8" fillId="4" borderId="3" xfId="2" applyFont="1" applyFill="1" applyBorder="1" applyAlignment="1" applyProtection="1">
      <alignment horizontal="left" vertical="center" wrapText="1" shrinkToFit="1"/>
      <protection locked="0"/>
    </xf>
    <xf numFmtId="0" fontId="8" fillId="4" borderId="3" xfId="2" applyFont="1" applyFill="1" applyBorder="1" applyAlignment="1">
      <alignment horizontal="left" vertical="center" wrapText="1"/>
    </xf>
    <xf numFmtId="0" fontId="8" fillId="3" borderId="3" xfId="2" applyFont="1" applyFill="1" applyBorder="1" applyAlignment="1" applyProtection="1">
      <alignment horizontal="left" vertical="center" wrapText="1"/>
      <protection locked="0"/>
    </xf>
    <xf numFmtId="0" fontId="8" fillId="3" borderId="3" xfId="2" applyFont="1" applyFill="1" applyBorder="1" applyAlignment="1" applyProtection="1">
      <alignment horizontal="left" vertical="center" wrapText="1" shrinkToFit="1"/>
      <protection locked="0"/>
    </xf>
    <xf numFmtId="0" fontId="8" fillId="4" borderId="3" xfId="2" applyFont="1" applyFill="1" applyBorder="1" applyAlignment="1" applyProtection="1">
      <alignment horizontal="center" vertical="center" wrapText="1" shrinkToFit="1"/>
      <protection locked="0"/>
    </xf>
    <xf numFmtId="0" fontId="8" fillId="3" borderId="3" xfId="2" applyFont="1" applyFill="1" applyBorder="1" applyAlignment="1">
      <alignment horizontal="left" vertical="center" wrapText="1"/>
    </xf>
    <xf numFmtId="0" fontId="8" fillId="3" borderId="3" xfId="2" applyFont="1" applyFill="1" applyBorder="1" applyAlignment="1" applyProtection="1">
      <alignment horizontal="center" vertical="center" wrapText="1" shrinkToFit="1"/>
      <protection locked="0"/>
    </xf>
    <xf numFmtId="0" fontId="8" fillId="4" borderId="2" xfId="2" applyFont="1" applyFill="1" applyBorder="1" applyAlignment="1">
      <alignment horizontal="left" vertical="center" wrapText="1"/>
    </xf>
    <xf numFmtId="0" fontId="8" fillId="3" borderId="2" xfId="2" applyFont="1" applyFill="1" applyBorder="1" applyAlignment="1">
      <alignment horizontal="left" vertical="center" wrapText="1"/>
    </xf>
    <xf numFmtId="0" fontId="8" fillId="3" borderId="3" xfId="2" applyFont="1" applyFill="1" applyBorder="1" applyAlignment="1" applyProtection="1">
      <alignment vertical="center" wrapText="1"/>
      <protection locked="0"/>
    </xf>
    <xf numFmtId="0" fontId="10" fillId="0" borderId="0" xfId="2" applyFont="1" applyFill="1" applyAlignment="1">
      <alignment vertical="center"/>
    </xf>
    <xf numFmtId="0" fontId="8" fillId="0" borderId="0" xfId="2" applyFont="1">
      <alignment vertical="center"/>
    </xf>
    <xf numFmtId="0" fontId="10" fillId="0" borderId="0" xfId="2" applyFont="1">
      <alignment vertical="center"/>
    </xf>
    <xf numFmtId="0" fontId="8" fillId="3" borderId="2" xfId="2" applyFont="1" applyFill="1" applyBorder="1" applyAlignment="1" applyProtection="1">
      <alignment horizontal="center" vertical="center" wrapText="1" shrinkToFit="1"/>
      <protection locked="0"/>
    </xf>
    <xf numFmtId="0" fontId="8" fillId="0" borderId="2" xfId="2" applyFont="1" applyBorder="1" applyAlignment="1" applyProtection="1">
      <alignment horizontal="left" vertical="center" wrapText="1"/>
      <protection locked="0"/>
    </xf>
    <xf numFmtId="0" fontId="8" fillId="0" borderId="2" xfId="2" applyFont="1" applyBorder="1">
      <alignment vertical="center"/>
    </xf>
    <xf numFmtId="0" fontId="8" fillId="0" borderId="2" xfId="2" applyFont="1" applyBorder="1" applyAlignment="1">
      <alignment horizontal="left" vertical="center" wrapText="1"/>
    </xf>
    <xf numFmtId="0" fontId="12" fillId="3" borderId="2" xfId="3" applyFill="1" applyBorder="1" applyAlignment="1" applyProtection="1">
      <alignment horizontal="left" vertical="center" wrapText="1"/>
      <protection locked="0"/>
    </xf>
    <xf numFmtId="0" fontId="8" fillId="4" borderId="8" xfId="2" applyFont="1" applyFill="1" applyBorder="1" applyAlignment="1" applyProtection="1">
      <alignment horizontal="left" vertical="center" wrapText="1" shrinkToFit="1"/>
      <protection locked="0"/>
    </xf>
    <xf numFmtId="0" fontId="0" fillId="0" borderId="9" xfId="0" applyBorder="1" applyAlignment="1">
      <alignment horizontal="left" vertical="center" wrapText="1" shrinkToFit="1"/>
    </xf>
    <xf numFmtId="0" fontId="8" fillId="3" borderId="8" xfId="2" applyFont="1" applyFill="1" applyBorder="1" applyAlignment="1" applyProtection="1">
      <alignment horizontal="left" vertical="center" wrapText="1" shrinkToFit="1"/>
      <protection locked="0"/>
    </xf>
    <xf numFmtId="0" fontId="8" fillId="4" borderId="9" xfId="2" applyFont="1" applyFill="1" applyBorder="1" applyAlignment="1" applyProtection="1">
      <alignment horizontal="left" vertical="center" wrapText="1" shrinkToFit="1"/>
      <protection locked="0"/>
    </xf>
    <xf numFmtId="0" fontId="8" fillId="4" borderId="3" xfId="2" applyFont="1" applyFill="1" applyBorder="1" applyAlignment="1" applyProtection="1">
      <alignment horizontal="left" vertical="center" wrapText="1" shrinkToFit="1"/>
      <protection locked="0"/>
    </xf>
    <xf numFmtId="0" fontId="8" fillId="4" borderId="7" xfId="2" applyFont="1" applyFill="1" applyBorder="1" applyAlignment="1" applyProtection="1">
      <alignment horizontal="left" vertical="center" wrapText="1" shrinkToFit="1"/>
      <protection locked="0"/>
    </xf>
    <xf numFmtId="0" fontId="8" fillId="4" borderId="5" xfId="2" applyFont="1" applyFill="1" applyBorder="1" applyAlignment="1" applyProtection="1">
      <alignment horizontal="left" vertical="center" wrapText="1" shrinkToFit="1"/>
      <protection locked="0"/>
    </xf>
    <xf numFmtId="0" fontId="9" fillId="0" borderId="5" xfId="0" applyFont="1" applyBorder="1" applyAlignment="1">
      <alignment horizontal="left" vertical="center" wrapText="1" shrinkToFit="1"/>
    </xf>
    <xf numFmtId="49" fontId="8" fillId="2" borderId="4" xfId="2" applyNumberFormat="1" applyFont="1" applyFill="1" applyBorder="1" applyAlignment="1">
      <alignment horizontal="center" vertical="center" wrapText="1" shrinkToFit="1"/>
    </xf>
    <xf numFmtId="49" fontId="8" fillId="2" borderId="6" xfId="2" applyNumberFormat="1" applyFont="1" applyFill="1" applyBorder="1" applyAlignment="1">
      <alignment horizontal="center" vertical="center" shrinkToFit="1"/>
    </xf>
    <xf numFmtId="0" fontId="9" fillId="0" borderId="7" xfId="0" applyFont="1" applyBorder="1" applyAlignment="1">
      <alignment horizontal="left" vertical="center" wrapText="1" shrinkToFit="1"/>
    </xf>
    <xf numFmtId="0" fontId="8" fillId="4" borderId="3" xfId="2" applyFont="1" applyFill="1" applyBorder="1" applyAlignment="1" applyProtection="1">
      <alignment horizontal="left" vertical="center" wrapText="1"/>
      <protection locked="0"/>
    </xf>
    <xf numFmtId="0" fontId="8" fillId="4" borderId="7" xfId="2" applyFont="1" applyFill="1" applyBorder="1" applyAlignment="1" applyProtection="1">
      <alignment horizontal="left" vertical="center" wrapText="1"/>
      <protection locked="0"/>
    </xf>
    <xf numFmtId="0" fontId="8" fillId="4" borderId="5" xfId="2" applyFont="1" applyFill="1" applyBorder="1" applyAlignment="1" applyProtection="1">
      <alignment horizontal="left" vertical="center" wrapText="1"/>
      <protection locked="0"/>
    </xf>
    <xf numFmtId="0" fontId="8" fillId="4" borderId="3" xfId="2" applyFont="1" applyFill="1" applyBorder="1" applyAlignment="1" applyProtection="1">
      <alignment horizontal="center" vertical="center" wrapText="1" shrinkToFit="1"/>
      <protection locked="0"/>
    </xf>
    <xf numFmtId="0" fontId="8" fillId="4" borderId="7" xfId="2" applyFont="1" applyFill="1" applyBorder="1" applyAlignment="1" applyProtection="1">
      <alignment horizontal="center" vertical="center" wrapText="1" shrinkToFit="1"/>
      <protection locked="0"/>
    </xf>
    <xf numFmtId="0" fontId="8" fillId="4" borderId="5" xfId="2" applyFont="1" applyFill="1" applyBorder="1" applyAlignment="1" applyProtection="1">
      <alignment horizontal="center" vertical="center" wrapText="1" shrinkToFit="1"/>
      <protection locked="0"/>
    </xf>
    <xf numFmtId="0" fontId="0" fillId="0" borderId="7" xfId="0" applyBorder="1" applyAlignment="1">
      <alignment horizontal="left" vertical="center" wrapText="1"/>
    </xf>
    <xf numFmtId="0" fontId="0" fillId="0" borderId="5" xfId="0" applyBorder="1" applyAlignment="1">
      <alignment horizontal="left" vertical="center" wrapText="1"/>
    </xf>
    <xf numFmtId="0" fontId="8" fillId="3" borderId="9" xfId="2" applyFont="1" applyFill="1" applyBorder="1" applyAlignment="1" applyProtection="1">
      <alignment horizontal="left" vertical="center" wrapText="1" shrinkToFit="1"/>
      <protection locked="0"/>
    </xf>
    <xf numFmtId="49" fontId="8" fillId="2" borderId="2" xfId="2" applyNumberFormat="1" applyFont="1" applyFill="1" applyBorder="1" applyAlignment="1">
      <alignment horizontal="center" vertical="center" wrapText="1" shrinkToFit="1"/>
    </xf>
    <xf numFmtId="49" fontId="8" fillId="2" borderId="2" xfId="2" applyNumberFormat="1" applyFont="1" applyFill="1" applyBorder="1" applyAlignment="1">
      <alignment horizontal="center" vertical="center" shrinkToFit="1"/>
    </xf>
    <xf numFmtId="49" fontId="8" fillId="2" borderId="3" xfId="2" applyNumberFormat="1" applyFont="1" applyFill="1" applyBorder="1" applyAlignment="1">
      <alignment horizontal="center" vertical="center" shrinkToFit="1"/>
    </xf>
    <xf numFmtId="49" fontId="8" fillId="2" borderId="5" xfId="2" applyNumberFormat="1" applyFont="1" applyFill="1" applyBorder="1" applyAlignment="1">
      <alignment horizontal="center" vertical="center" shrinkToFit="1"/>
    </xf>
    <xf numFmtId="0" fontId="8" fillId="3" borderId="3" xfId="2" applyFont="1" applyFill="1" applyBorder="1" applyAlignment="1" applyProtection="1">
      <alignment horizontal="center" vertical="center" wrapText="1" shrinkToFit="1"/>
      <protection locked="0"/>
    </xf>
    <xf numFmtId="0" fontId="8" fillId="3" borderId="7" xfId="2" applyFont="1" applyFill="1" applyBorder="1" applyAlignment="1" applyProtection="1">
      <alignment horizontal="center" vertical="center" wrapText="1" shrinkToFit="1"/>
      <protection locked="0"/>
    </xf>
    <xf numFmtId="0" fontId="8" fillId="3" borderId="5" xfId="2" applyFont="1" applyFill="1" applyBorder="1" applyAlignment="1" applyProtection="1">
      <alignment horizontal="center" vertical="center" wrapText="1" shrinkToFit="1"/>
      <protection locked="0"/>
    </xf>
    <xf numFmtId="0" fontId="8" fillId="4" borderId="2" xfId="2" applyFont="1" applyFill="1" applyBorder="1" applyAlignment="1" applyProtection="1">
      <alignment horizontal="center" vertical="center" wrapText="1" shrinkToFit="1"/>
      <protection locked="0"/>
    </xf>
    <xf numFmtId="49" fontId="8" fillId="2" borderId="3" xfId="2" applyNumberFormat="1" applyFont="1" applyFill="1" applyBorder="1" applyAlignment="1">
      <alignment horizontal="center" vertical="center" wrapText="1" shrinkToFit="1"/>
    </xf>
    <xf numFmtId="49" fontId="8" fillId="2" borderId="5" xfId="2" applyNumberFormat="1" applyFont="1" applyFill="1" applyBorder="1" applyAlignment="1">
      <alignment horizontal="center" vertical="center" wrapText="1" shrinkToFit="1"/>
    </xf>
    <xf numFmtId="49" fontId="8" fillId="2" borderId="10" xfId="2" applyNumberFormat="1" applyFont="1" applyFill="1" applyBorder="1" applyAlignment="1">
      <alignment horizontal="center" vertical="center" wrapText="1" shrinkToFit="1"/>
    </xf>
    <xf numFmtId="49" fontId="8" fillId="2" borderId="6" xfId="2" applyNumberFormat="1" applyFont="1" applyFill="1" applyBorder="1" applyAlignment="1">
      <alignment horizontal="center" vertical="center" wrapText="1" shrinkToFit="1"/>
    </xf>
    <xf numFmtId="49" fontId="8" fillId="2" borderId="11" xfId="2" applyNumberFormat="1" applyFont="1" applyFill="1" applyBorder="1" applyAlignment="1">
      <alignment horizontal="center" vertical="center" wrapText="1" shrinkToFit="1"/>
    </xf>
    <xf numFmtId="0" fontId="11" fillId="0" borderId="9" xfId="0" applyFont="1" applyBorder="1" applyAlignment="1">
      <alignment horizontal="left" vertical="center" wrapText="1" shrinkToFit="1"/>
    </xf>
    <xf numFmtId="0" fontId="8" fillId="3" borderId="3" xfId="2" applyFont="1" applyFill="1" applyBorder="1" applyAlignment="1" applyProtection="1">
      <alignment horizontal="left" vertical="center" wrapText="1" shrinkToFit="1"/>
      <protection locked="0"/>
    </xf>
    <xf numFmtId="0" fontId="8" fillId="3" borderId="5" xfId="2" applyFont="1" applyFill="1" applyBorder="1" applyAlignment="1" applyProtection="1">
      <alignment horizontal="left" vertical="center" wrapText="1" shrinkToFit="1"/>
      <protection locked="0"/>
    </xf>
    <xf numFmtId="0" fontId="8" fillId="3" borderId="3" xfId="2" applyFont="1" applyFill="1" applyBorder="1" applyAlignment="1" applyProtection="1">
      <alignment horizontal="left" vertical="center" wrapText="1"/>
      <protection locked="0"/>
    </xf>
    <xf numFmtId="0" fontId="8" fillId="3" borderId="5" xfId="2" applyFont="1" applyFill="1" applyBorder="1" applyAlignment="1" applyProtection="1">
      <alignment horizontal="left" vertical="center" wrapText="1"/>
      <protection locked="0"/>
    </xf>
    <xf numFmtId="0" fontId="8" fillId="0" borderId="8" xfId="2" applyFont="1" applyBorder="1" applyAlignment="1" applyProtection="1">
      <alignment horizontal="left" vertical="center" wrapText="1" shrinkToFit="1"/>
      <protection locked="0"/>
    </xf>
  </cellXfs>
  <cellStyles count="4">
    <cellStyle name="Normal" xfId="1" xr:uid="{00000000-0005-0000-0000-000000000000}"/>
    <cellStyle name="ハイパーリンク" xfId="3" builtinId="8"/>
    <cellStyle name="標準" xfId="0" builtinId="0"/>
    <cellStyle name="標準 3" xfId="2" xr:uid="{00000000-0005-0000-0000-000002000000}"/>
  </cellStyles>
  <dxfs count="0"/>
  <tableStyles count="0" defaultTableStyle="TableStyleMedium2" defaultPivotStyle="PivotStyleLight16"/>
  <colors>
    <mruColors>
      <color rgb="FFEBF7FF"/>
      <color rgb="FFF7FCFF"/>
      <color rgb="FFFBFD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64497919\Desktop\02_07&#65288;&#31119;&#31049;&#23376;&#12393;&#12418;&#12415;&#12425;&#12356;&#23616;&#65289;_&#27096;&#24335;&#65297;_&#30476;&#26377;&#26045;&#35373;&#12398;&#32769;&#26429;&#21270;&#23550;&#31574;&#24037;&#31243;&#349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工程表"/>
      <sheetName val="入力リスト"/>
    </sheetNames>
    <sheetDataSet>
      <sheetData sheetId="0" refreshError="1"/>
      <sheetData sheetId="1">
        <row r="3">
          <cell r="C3" t="str">
            <v>調査</v>
          </cell>
        </row>
        <row r="4">
          <cell r="C4" t="str">
            <v>調査・基本</v>
          </cell>
        </row>
        <row r="5">
          <cell r="C5" t="str">
            <v>基本</v>
          </cell>
        </row>
        <row r="6">
          <cell r="C6" t="str">
            <v>調査・実施</v>
          </cell>
        </row>
        <row r="7">
          <cell r="C7" t="str">
            <v>基本・実施</v>
          </cell>
        </row>
        <row r="8">
          <cell r="C8" t="str">
            <v>実施</v>
          </cell>
        </row>
        <row r="9">
          <cell r="C9" t="str">
            <v>実施・工事</v>
          </cell>
        </row>
        <row r="10">
          <cell r="C10" t="str">
            <v>工事</v>
          </cell>
        </row>
        <row r="11">
          <cell r="C11" t="str">
            <v>工事・供用開始</v>
          </cell>
        </row>
        <row r="12">
          <cell r="C12" t="str">
            <v>供用開始</v>
          </cell>
        </row>
        <row r="15">
          <cell r="C15" t="str">
            <v>01 鶴見区</v>
          </cell>
        </row>
        <row r="16">
          <cell r="C16" t="str">
            <v>02 神奈川区</v>
          </cell>
        </row>
        <row r="17">
          <cell r="C17" t="str">
            <v>03 西区</v>
          </cell>
        </row>
        <row r="18">
          <cell r="C18" t="str">
            <v>04 中区</v>
          </cell>
        </row>
        <row r="19">
          <cell r="C19" t="str">
            <v>05 南区</v>
          </cell>
        </row>
        <row r="20">
          <cell r="C20" t="str">
            <v>06 港南区</v>
          </cell>
        </row>
        <row r="21">
          <cell r="C21" t="str">
            <v>07 保土ケ谷区</v>
          </cell>
        </row>
        <row r="22">
          <cell r="C22" t="str">
            <v>08 旭区</v>
          </cell>
        </row>
        <row r="23">
          <cell r="C23" t="str">
            <v>09 磯子区</v>
          </cell>
        </row>
        <row r="24">
          <cell r="C24" t="str">
            <v>10 金沢区</v>
          </cell>
        </row>
        <row r="25">
          <cell r="C25" t="str">
            <v>11 港北区</v>
          </cell>
        </row>
        <row r="26">
          <cell r="C26" t="str">
            <v>12 緑区</v>
          </cell>
        </row>
        <row r="27">
          <cell r="C27" t="str">
            <v>13 青葉区</v>
          </cell>
        </row>
        <row r="28">
          <cell r="C28" t="str">
            <v>14 都筑区</v>
          </cell>
        </row>
        <row r="29">
          <cell r="C29" t="str">
            <v>15 戸塚区</v>
          </cell>
        </row>
        <row r="30">
          <cell r="C30" t="str">
            <v>16 栄区</v>
          </cell>
        </row>
        <row r="31">
          <cell r="C31" t="str">
            <v>17 泉区</v>
          </cell>
        </row>
        <row r="32">
          <cell r="C32" t="str">
            <v>18 瀬谷区</v>
          </cell>
        </row>
        <row r="33">
          <cell r="C33" t="str">
            <v>20 川崎市</v>
          </cell>
        </row>
        <row r="34">
          <cell r="C34" t="str">
            <v>31 横須賀市</v>
          </cell>
        </row>
        <row r="35">
          <cell r="C35" t="str">
            <v>32 鎌倉市</v>
          </cell>
        </row>
        <row r="36">
          <cell r="C36" t="str">
            <v>33 逗子市</v>
          </cell>
        </row>
        <row r="37">
          <cell r="C37" t="str">
            <v>34 三浦市</v>
          </cell>
        </row>
        <row r="38">
          <cell r="C38" t="str">
            <v>35 葉山町</v>
          </cell>
        </row>
        <row r="39">
          <cell r="C39" t="str">
            <v>41 相模原市</v>
          </cell>
        </row>
        <row r="40">
          <cell r="C40" t="str">
            <v>42 厚木市</v>
          </cell>
        </row>
        <row r="41">
          <cell r="C41" t="str">
            <v>43 大和市</v>
          </cell>
        </row>
        <row r="42">
          <cell r="C42" t="str">
            <v>44 海老名市</v>
          </cell>
        </row>
        <row r="43">
          <cell r="C43" t="str">
            <v>45 座間市</v>
          </cell>
        </row>
        <row r="44">
          <cell r="C44" t="str">
            <v>46 綾瀬市</v>
          </cell>
        </row>
        <row r="45">
          <cell r="C45" t="str">
            <v>47 愛川町</v>
          </cell>
        </row>
        <row r="46">
          <cell r="C46" t="str">
            <v>48 清川村</v>
          </cell>
        </row>
        <row r="47">
          <cell r="C47" t="str">
            <v>51 平塚市</v>
          </cell>
        </row>
        <row r="48">
          <cell r="C48" t="str">
            <v>52 藤沢市</v>
          </cell>
        </row>
        <row r="49">
          <cell r="C49" t="str">
            <v>53 茅ヶ崎市</v>
          </cell>
        </row>
        <row r="50">
          <cell r="C50" t="str">
            <v>54 秦野市</v>
          </cell>
        </row>
        <row r="51">
          <cell r="C51" t="str">
            <v>55 伊勢原市</v>
          </cell>
        </row>
        <row r="52">
          <cell r="C52" t="str">
            <v>56 寒川町</v>
          </cell>
        </row>
        <row r="53">
          <cell r="C53" t="str">
            <v>57 大磯町</v>
          </cell>
        </row>
        <row r="54">
          <cell r="C54" t="str">
            <v>58 二宮町</v>
          </cell>
        </row>
        <row r="55">
          <cell r="C55" t="str">
            <v>60 小田原市</v>
          </cell>
        </row>
        <row r="56">
          <cell r="C56" t="str">
            <v>61 南足柄市</v>
          </cell>
        </row>
        <row r="57">
          <cell r="C57" t="str">
            <v>62 中井町</v>
          </cell>
        </row>
        <row r="58">
          <cell r="C58" t="str">
            <v>63 大井町</v>
          </cell>
        </row>
        <row r="59">
          <cell r="C59" t="str">
            <v>64 松田町</v>
          </cell>
        </row>
        <row r="60">
          <cell r="C60" t="str">
            <v>65 山北町</v>
          </cell>
        </row>
        <row r="61">
          <cell r="C61" t="str">
            <v>66 開成町</v>
          </cell>
        </row>
        <row r="62">
          <cell r="C62" t="str">
            <v>67 箱根町</v>
          </cell>
        </row>
        <row r="63">
          <cell r="C63" t="str">
            <v>68 真鶴町</v>
          </cell>
        </row>
        <row r="64">
          <cell r="C64" t="str">
            <v>69 湯河原町</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5" tint="0.59999389629810485"/>
    <pageSetUpPr fitToPage="1"/>
  </sheetPr>
  <dimension ref="A1:M99"/>
  <sheetViews>
    <sheetView tabSelected="1" view="pageBreakPreview" zoomScale="85" zoomScaleNormal="115" zoomScaleSheetLayoutView="85" workbookViewId="0">
      <pane ySplit="4" topLeftCell="A61" activePane="bottomLeft" state="frozen"/>
      <selection pane="bottomLeft" activeCell="H71" sqref="H71"/>
    </sheetView>
  </sheetViews>
  <sheetFormatPr defaultColWidth="9" defaultRowHeight="12.6"/>
  <cols>
    <col min="1" max="1" width="4.09765625" style="5" customWidth="1"/>
    <col min="2" max="2" width="10.09765625" style="7" customWidth="1"/>
    <col min="3" max="3" width="17.3984375" style="7" customWidth="1"/>
    <col min="4" max="4" width="14.69921875" style="8" customWidth="1"/>
    <col min="5" max="5" width="7.5" style="7" customWidth="1"/>
    <col min="6" max="6" width="11.69921875" style="7" customWidth="1"/>
    <col min="7" max="7" width="24.5" style="7" customWidth="1"/>
    <col min="8" max="8" width="33.296875" style="8" customWidth="1"/>
    <col min="9" max="9" width="13.796875" style="8" customWidth="1"/>
    <col min="10" max="10" width="23.19921875" style="8" customWidth="1"/>
    <col min="11" max="11" width="17.8984375" style="8" bestFit="1" customWidth="1"/>
    <col min="12" max="12" width="44.59765625" style="8" customWidth="1"/>
    <col min="13" max="13" width="48.3984375" style="8" customWidth="1"/>
    <col min="14" max="15" width="11.3984375" style="5" customWidth="1"/>
    <col min="16" max="16" width="10.5" style="5" customWidth="1"/>
    <col min="17" max="16384" width="9" style="5"/>
  </cols>
  <sheetData>
    <row r="1" spans="1:13" ht="23.4" customHeight="1">
      <c r="B1" s="1" t="s">
        <v>421</v>
      </c>
      <c r="C1" s="2"/>
      <c r="D1" s="4"/>
      <c r="E1" s="2"/>
      <c r="F1" s="9"/>
      <c r="G1" s="3"/>
      <c r="H1" s="4"/>
      <c r="I1" s="4"/>
      <c r="J1" s="4"/>
      <c r="K1" s="4"/>
      <c r="L1" s="4"/>
      <c r="M1" s="4"/>
    </row>
    <row r="2" spans="1:13" ht="12.75" customHeight="1">
      <c r="B2" s="6"/>
      <c r="C2" s="6"/>
      <c r="D2" s="6"/>
      <c r="E2" s="6"/>
      <c r="F2" s="6"/>
      <c r="G2" s="6"/>
      <c r="H2" s="6"/>
      <c r="I2" s="6"/>
      <c r="J2" s="6"/>
      <c r="K2" s="6"/>
      <c r="L2" s="6"/>
      <c r="M2" s="6"/>
    </row>
    <row r="3" spans="1:13" s="11" customFormat="1" ht="26.25" customHeight="1">
      <c r="A3" s="10"/>
      <c r="B3" s="58" t="s">
        <v>0</v>
      </c>
      <c r="C3" s="66" t="s">
        <v>1</v>
      </c>
      <c r="D3" s="46" t="s">
        <v>142</v>
      </c>
      <c r="E3" s="46" t="s">
        <v>2</v>
      </c>
      <c r="F3" s="68"/>
      <c r="G3" s="58" t="s">
        <v>3</v>
      </c>
      <c r="H3" s="59" t="s">
        <v>4</v>
      </c>
      <c r="I3" s="60" t="s">
        <v>5</v>
      </c>
      <c r="J3" s="59" t="s">
        <v>6</v>
      </c>
      <c r="K3" s="46" t="s">
        <v>7</v>
      </c>
      <c r="L3" s="58" t="s">
        <v>8</v>
      </c>
      <c r="M3" s="58" t="s">
        <v>143</v>
      </c>
    </row>
    <row r="4" spans="1:13" s="11" customFormat="1" ht="28.2" customHeight="1">
      <c r="A4" s="10"/>
      <c r="B4" s="58"/>
      <c r="C4" s="67"/>
      <c r="D4" s="47"/>
      <c r="E4" s="69"/>
      <c r="F4" s="70"/>
      <c r="G4" s="58"/>
      <c r="H4" s="59"/>
      <c r="I4" s="61"/>
      <c r="J4" s="59"/>
      <c r="K4" s="47"/>
      <c r="L4" s="59"/>
      <c r="M4" s="59"/>
    </row>
    <row r="5" spans="1:13" s="10" customFormat="1" ht="70.95" customHeight="1">
      <c r="B5" s="12" t="s">
        <v>160</v>
      </c>
      <c r="C5" s="13" t="s">
        <v>161</v>
      </c>
      <c r="D5" s="14" t="s">
        <v>162</v>
      </c>
      <c r="E5" s="38" t="s">
        <v>166</v>
      </c>
      <c r="F5" s="41"/>
      <c r="G5" s="13" t="s">
        <v>163</v>
      </c>
      <c r="H5" s="14" t="s">
        <v>167</v>
      </c>
      <c r="I5" s="14" t="s">
        <v>168</v>
      </c>
      <c r="J5" s="14" t="s">
        <v>169</v>
      </c>
      <c r="K5" s="14" t="s">
        <v>423</v>
      </c>
      <c r="L5" s="14" t="s">
        <v>170</v>
      </c>
      <c r="M5" s="14"/>
    </row>
    <row r="6" spans="1:13" s="10" customFormat="1" ht="41.4" customHeight="1">
      <c r="B6" s="15" t="s">
        <v>164</v>
      </c>
      <c r="C6" s="16" t="s">
        <v>161</v>
      </c>
      <c r="D6" s="17" t="s">
        <v>364</v>
      </c>
      <c r="E6" s="40" t="s">
        <v>365</v>
      </c>
      <c r="F6" s="57"/>
      <c r="G6" s="16" t="s">
        <v>366</v>
      </c>
      <c r="H6" s="17" t="s">
        <v>367</v>
      </c>
      <c r="I6" s="17" t="s">
        <v>368</v>
      </c>
      <c r="J6" s="17" t="s">
        <v>369</v>
      </c>
      <c r="K6" s="17" t="s">
        <v>376</v>
      </c>
      <c r="L6" s="17" t="s">
        <v>420</v>
      </c>
      <c r="M6" s="37"/>
    </row>
    <row r="7" spans="1:13" s="10" customFormat="1" ht="28.2" customHeight="1">
      <c r="B7" s="52" t="s">
        <v>165</v>
      </c>
      <c r="C7" s="42" t="s">
        <v>279</v>
      </c>
      <c r="D7" s="49" t="s">
        <v>11</v>
      </c>
      <c r="E7" s="42" t="s">
        <v>278</v>
      </c>
      <c r="F7" s="42" t="s">
        <v>283</v>
      </c>
      <c r="G7" s="13" t="s">
        <v>285</v>
      </c>
      <c r="H7" s="14" t="s">
        <v>293</v>
      </c>
      <c r="I7" s="14" t="s">
        <v>298</v>
      </c>
      <c r="J7" s="14" t="s">
        <v>307</v>
      </c>
      <c r="K7" s="14" t="s">
        <v>315</v>
      </c>
      <c r="L7" s="14" t="s">
        <v>323</v>
      </c>
      <c r="M7" s="14"/>
    </row>
    <row r="8" spans="1:13" s="10" customFormat="1" ht="28.2" customHeight="1">
      <c r="B8" s="53"/>
      <c r="C8" s="43"/>
      <c r="D8" s="50"/>
      <c r="E8" s="43"/>
      <c r="F8" s="43"/>
      <c r="G8" s="13" t="s">
        <v>284</v>
      </c>
      <c r="H8" s="14" t="s">
        <v>289</v>
      </c>
      <c r="I8" s="14" t="s">
        <v>299</v>
      </c>
      <c r="J8" s="14" t="s">
        <v>308</v>
      </c>
      <c r="K8" s="14" t="s">
        <v>316</v>
      </c>
      <c r="L8" s="14" t="s">
        <v>322</v>
      </c>
      <c r="M8" s="14"/>
    </row>
    <row r="9" spans="1:13" s="10" customFormat="1" ht="28.2" customHeight="1">
      <c r="B9" s="53"/>
      <c r="C9" s="43"/>
      <c r="D9" s="50"/>
      <c r="E9" s="43"/>
      <c r="F9" s="43"/>
      <c r="G9" s="13" t="s">
        <v>286</v>
      </c>
      <c r="H9" s="14" t="s">
        <v>290</v>
      </c>
      <c r="I9" s="14" t="s">
        <v>301</v>
      </c>
      <c r="J9" s="14" t="s">
        <v>309</v>
      </c>
      <c r="K9" s="14" t="s">
        <v>317</v>
      </c>
      <c r="L9" s="14" t="s">
        <v>322</v>
      </c>
      <c r="M9" s="14"/>
    </row>
    <row r="10" spans="1:13" s="10" customFormat="1" ht="28.2" customHeight="1">
      <c r="B10" s="53"/>
      <c r="C10" s="43"/>
      <c r="D10" s="50"/>
      <c r="E10" s="43"/>
      <c r="F10" s="43"/>
      <c r="G10" s="13" t="s">
        <v>287</v>
      </c>
      <c r="H10" s="14" t="s">
        <v>291</v>
      </c>
      <c r="I10" s="14" t="s">
        <v>302</v>
      </c>
      <c r="J10" s="14" t="s">
        <v>310</v>
      </c>
      <c r="K10" s="14" t="s">
        <v>318</v>
      </c>
      <c r="L10" s="14" t="s">
        <v>322</v>
      </c>
      <c r="M10" s="14"/>
    </row>
    <row r="11" spans="1:13" s="10" customFormat="1" ht="28.2" customHeight="1">
      <c r="B11" s="53"/>
      <c r="C11" s="43"/>
      <c r="D11" s="50"/>
      <c r="E11" s="44"/>
      <c r="F11" s="44"/>
      <c r="G11" s="13" t="s">
        <v>288</v>
      </c>
      <c r="H11" s="14" t="s">
        <v>292</v>
      </c>
      <c r="I11" s="14" t="s">
        <v>303</v>
      </c>
      <c r="J11" s="14" t="s">
        <v>311</v>
      </c>
      <c r="K11" s="14" t="s">
        <v>319</v>
      </c>
      <c r="L11" s="14" t="s">
        <v>322</v>
      </c>
      <c r="M11" s="14"/>
    </row>
    <row r="12" spans="1:13" s="10" customFormat="1" ht="28.2" customHeight="1">
      <c r="B12" s="53"/>
      <c r="C12" s="43"/>
      <c r="D12" s="50"/>
      <c r="E12" s="13" t="s">
        <v>281</v>
      </c>
      <c r="F12" s="13" t="s">
        <v>283</v>
      </c>
      <c r="G12" s="13" t="s">
        <v>294</v>
      </c>
      <c r="H12" s="14" t="s">
        <v>296</v>
      </c>
      <c r="I12" s="14" t="s">
        <v>304</v>
      </c>
      <c r="J12" s="14" t="s">
        <v>314</v>
      </c>
      <c r="K12" s="14" t="s">
        <v>320</v>
      </c>
      <c r="L12" s="14" t="s">
        <v>322</v>
      </c>
      <c r="M12" s="14"/>
    </row>
    <row r="13" spans="1:13" s="10" customFormat="1" ht="28.2" customHeight="1">
      <c r="B13" s="53"/>
      <c r="C13" s="44"/>
      <c r="D13" s="51"/>
      <c r="E13" s="13" t="s">
        <v>282</v>
      </c>
      <c r="F13" s="13" t="s">
        <v>283</v>
      </c>
      <c r="G13" s="13" t="s">
        <v>295</v>
      </c>
      <c r="H13" s="14" t="s">
        <v>296</v>
      </c>
      <c r="I13" s="14" t="s">
        <v>306</v>
      </c>
      <c r="J13" s="14" t="s">
        <v>313</v>
      </c>
      <c r="K13" s="14" t="s">
        <v>321</v>
      </c>
      <c r="L13" s="14" t="s">
        <v>322</v>
      </c>
      <c r="M13" s="14"/>
    </row>
    <row r="14" spans="1:13" s="10" customFormat="1" ht="28.2" customHeight="1">
      <c r="B14" s="53"/>
      <c r="C14" s="42" t="s">
        <v>324</v>
      </c>
      <c r="D14" s="49" t="s">
        <v>11</v>
      </c>
      <c r="E14" s="42" t="s">
        <v>278</v>
      </c>
      <c r="F14" s="42" t="s">
        <v>283</v>
      </c>
      <c r="G14" s="13" t="s">
        <v>285</v>
      </c>
      <c r="H14" s="14" t="s">
        <v>327</v>
      </c>
      <c r="I14" s="14" t="s">
        <v>298</v>
      </c>
      <c r="J14" s="14" t="s">
        <v>307</v>
      </c>
      <c r="K14" s="14" t="s">
        <v>315</v>
      </c>
      <c r="L14" s="14" t="s">
        <v>323</v>
      </c>
      <c r="M14" s="14"/>
    </row>
    <row r="15" spans="1:13" s="10" customFormat="1" ht="28.2" customHeight="1">
      <c r="B15" s="53"/>
      <c r="C15" s="43"/>
      <c r="D15" s="50"/>
      <c r="E15" s="43"/>
      <c r="F15" s="43"/>
      <c r="G15" s="13" t="s">
        <v>284</v>
      </c>
      <c r="H15" s="14" t="s">
        <v>289</v>
      </c>
      <c r="I15" s="14" t="s">
        <v>299</v>
      </c>
      <c r="J15" s="14" t="s">
        <v>308</v>
      </c>
      <c r="K15" s="14" t="s">
        <v>316</v>
      </c>
      <c r="L15" s="14" t="s">
        <v>322</v>
      </c>
      <c r="M15" s="14"/>
    </row>
    <row r="16" spans="1:13" s="10" customFormat="1" ht="28.2" customHeight="1">
      <c r="B16" s="53"/>
      <c r="C16" s="43"/>
      <c r="D16" s="50"/>
      <c r="E16" s="43"/>
      <c r="F16" s="43"/>
      <c r="G16" s="13" t="s">
        <v>286</v>
      </c>
      <c r="H16" s="14" t="s">
        <v>290</v>
      </c>
      <c r="I16" s="14" t="s">
        <v>301</v>
      </c>
      <c r="J16" s="14" t="s">
        <v>309</v>
      </c>
      <c r="K16" s="14" t="s">
        <v>317</v>
      </c>
      <c r="L16" s="14" t="s">
        <v>322</v>
      </c>
      <c r="M16" s="14"/>
    </row>
    <row r="17" spans="2:13" s="10" customFormat="1" ht="28.2" customHeight="1">
      <c r="B17" s="53"/>
      <c r="C17" s="43"/>
      <c r="D17" s="50"/>
      <c r="E17" s="43"/>
      <c r="F17" s="43"/>
      <c r="G17" s="13" t="s">
        <v>287</v>
      </c>
      <c r="H17" s="14" t="s">
        <v>291</v>
      </c>
      <c r="I17" s="14" t="s">
        <v>302</v>
      </c>
      <c r="J17" s="14" t="s">
        <v>310</v>
      </c>
      <c r="K17" s="14" t="s">
        <v>318</v>
      </c>
      <c r="L17" s="14" t="s">
        <v>322</v>
      </c>
      <c r="M17" s="14"/>
    </row>
    <row r="18" spans="2:13" s="10" customFormat="1" ht="28.2" customHeight="1">
      <c r="B18" s="53"/>
      <c r="C18" s="43"/>
      <c r="D18" s="50"/>
      <c r="E18" s="44"/>
      <c r="F18" s="44"/>
      <c r="G18" s="13" t="s">
        <v>288</v>
      </c>
      <c r="H18" s="14" t="s">
        <v>292</v>
      </c>
      <c r="I18" s="14" t="s">
        <v>303</v>
      </c>
      <c r="J18" s="14" t="s">
        <v>311</v>
      </c>
      <c r="K18" s="14" t="s">
        <v>319</v>
      </c>
      <c r="L18" s="14" t="s">
        <v>322</v>
      </c>
      <c r="M18" s="14"/>
    </row>
    <row r="19" spans="2:13" s="10" customFormat="1" ht="28.2" customHeight="1">
      <c r="B19" s="53"/>
      <c r="C19" s="43"/>
      <c r="D19" s="50"/>
      <c r="E19" s="13" t="s">
        <v>281</v>
      </c>
      <c r="F19" s="13" t="s">
        <v>283</v>
      </c>
      <c r="G19" s="13" t="s">
        <v>294</v>
      </c>
      <c r="H19" s="14" t="s">
        <v>326</v>
      </c>
      <c r="I19" s="14" t="s">
        <v>304</v>
      </c>
      <c r="J19" s="14" t="s">
        <v>314</v>
      </c>
      <c r="K19" s="14" t="s">
        <v>320</v>
      </c>
      <c r="L19" s="14" t="s">
        <v>322</v>
      </c>
      <c r="M19" s="14"/>
    </row>
    <row r="20" spans="2:13" s="10" customFormat="1" ht="28.2" customHeight="1">
      <c r="B20" s="53"/>
      <c r="C20" s="44"/>
      <c r="D20" s="51"/>
      <c r="E20" s="13" t="s">
        <v>282</v>
      </c>
      <c r="F20" s="13" t="s">
        <v>283</v>
      </c>
      <c r="G20" s="13" t="s">
        <v>295</v>
      </c>
      <c r="H20" s="14" t="s">
        <v>325</v>
      </c>
      <c r="I20" s="14" t="s">
        <v>306</v>
      </c>
      <c r="J20" s="14" t="s">
        <v>313</v>
      </c>
      <c r="K20" s="14" t="s">
        <v>321</v>
      </c>
      <c r="L20" s="14" t="s">
        <v>322</v>
      </c>
      <c r="M20" s="14"/>
    </row>
    <row r="21" spans="2:13" s="10" customFormat="1" ht="28.2" customHeight="1">
      <c r="B21" s="53"/>
      <c r="C21" s="42" t="s">
        <v>280</v>
      </c>
      <c r="D21" s="42" t="s">
        <v>11</v>
      </c>
      <c r="E21" s="42" t="s">
        <v>278</v>
      </c>
      <c r="F21" s="42" t="s">
        <v>335</v>
      </c>
      <c r="G21" s="13" t="s">
        <v>328</v>
      </c>
      <c r="H21" s="14" t="s">
        <v>187</v>
      </c>
      <c r="I21" s="14" t="s">
        <v>298</v>
      </c>
      <c r="J21" s="14" t="s">
        <v>347</v>
      </c>
      <c r="K21" s="14" t="s">
        <v>349</v>
      </c>
      <c r="L21" s="14" t="s">
        <v>322</v>
      </c>
      <c r="M21" s="18" t="s">
        <v>357</v>
      </c>
    </row>
    <row r="22" spans="2:13" s="10" customFormat="1" ht="28.2" customHeight="1">
      <c r="B22" s="53"/>
      <c r="C22" s="48"/>
      <c r="D22" s="48"/>
      <c r="E22" s="43"/>
      <c r="F22" s="43"/>
      <c r="G22" s="13" t="s">
        <v>329</v>
      </c>
      <c r="H22" s="14" t="s">
        <v>187</v>
      </c>
      <c r="I22" s="14" t="s">
        <v>301</v>
      </c>
      <c r="J22" s="14" t="s">
        <v>309</v>
      </c>
      <c r="K22" s="14" t="s">
        <v>350</v>
      </c>
      <c r="L22" s="14" t="s">
        <v>322</v>
      </c>
      <c r="M22" s="18" t="s">
        <v>357</v>
      </c>
    </row>
    <row r="23" spans="2:13" s="10" customFormat="1" ht="28.2" customHeight="1">
      <c r="B23" s="53"/>
      <c r="C23" s="48"/>
      <c r="D23" s="48"/>
      <c r="E23" s="43"/>
      <c r="F23" s="43"/>
      <c r="G23" s="13" t="s">
        <v>330</v>
      </c>
      <c r="H23" s="14" t="s">
        <v>336</v>
      </c>
      <c r="I23" s="14" t="s">
        <v>298</v>
      </c>
      <c r="J23" s="14" t="s">
        <v>378</v>
      </c>
      <c r="K23" s="14" t="s">
        <v>351</v>
      </c>
      <c r="L23" s="14" t="s">
        <v>322</v>
      </c>
      <c r="M23" s="18" t="s">
        <v>358</v>
      </c>
    </row>
    <row r="24" spans="2:13" s="10" customFormat="1" ht="28.2" customHeight="1">
      <c r="B24" s="53"/>
      <c r="C24" s="48"/>
      <c r="D24" s="48"/>
      <c r="E24" s="44"/>
      <c r="F24" s="44"/>
      <c r="G24" s="13" t="s">
        <v>330</v>
      </c>
      <c r="H24" s="14" t="s">
        <v>337</v>
      </c>
      <c r="I24" s="14" t="s">
        <v>301</v>
      </c>
      <c r="J24" s="14" t="s">
        <v>379</v>
      </c>
      <c r="K24" s="14" t="s">
        <v>352</v>
      </c>
      <c r="L24" s="14" t="s">
        <v>322</v>
      </c>
      <c r="M24" s="18" t="s">
        <v>358</v>
      </c>
    </row>
    <row r="25" spans="2:13" s="10" customFormat="1" ht="28.2" customHeight="1">
      <c r="B25" s="53"/>
      <c r="C25" s="48"/>
      <c r="D25" s="48"/>
      <c r="E25" s="42" t="s">
        <v>281</v>
      </c>
      <c r="F25" s="42" t="s">
        <v>335</v>
      </c>
      <c r="G25" s="13" t="s">
        <v>331</v>
      </c>
      <c r="H25" s="14" t="s">
        <v>338</v>
      </c>
      <c r="I25" s="14" t="s">
        <v>304</v>
      </c>
      <c r="J25" s="14" t="s">
        <v>312</v>
      </c>
      <c r="K25" s="14" t="s">
        <v>353</v>
      </c>
      <c r="L25" s="14" t="s">
        <v>322</v>
      </c>
      <c r="M25" s="18" t="s">
        <v>358</v>
      </c>
    </row>
    <row r="26" spans="2:13" s="10" customFormat="1" ht="28.2" customHeight="1">
      <c r="B26" s="53"/>
      <c r="C26" s="48"/>
      <c r="D26" s="48"/>
      <c r="E26" s="44"/>
      <c r="F26" s="45"/>
      <c r="G26" s="13" t="s">
        <v>332</v>
      </c>
      <c r="H26" s="14" t="s">
        <v>187</v>
      </c>
      <c r="I26" s="14" t="s">
        <v>304</v>
      </c>
      <c r="J26" s="14" t="s">
        <v>348</v>
      </c>
      <c r="K26" s="14" t="s">
        <v>354</v>
      </c>
      <c r="L26" s="14" t="s">
        <v>322</v>
      </c>
      <c r="M26" s="18" t="s">
        <v>357</v>
      </c>
    </row>
    <row r="27" spans="2:13" s="10" customFormat="1" ht="28.2" customHeight="1">
      <c r="B27" s="53"/>
      <c r="C27" s="48"/>
      <c r="D27" s="48"/>
      <c r="E27" s="42" t="s">
        <v>282</v>
      </c>
      <c r="F27" s="42" t="s">
        <v>335</v>
      </c>
      <c r="G27" s="13" t="s">
        <v>333</v>
      </c>
      <c r="H27" s="14" t="s">
        <v>187</v>
      </c>
      <c r="I27" s="14" t="s">
        <v>306</v>
      </c>
      <c r="J27" s="14" t="s">
        <v>313</v>
      </c>
      <c r="K27" s="14" t="s">
        <v>355</v>
      </c>
      <c r="L27" s="14" t="s">
        <v>322</v>
      </c>
      <c r="M27" s="18" t="s">
        <v>357</v>
      </c>
    </row>
    <row r="28" spans="2:13" s="10" customFormat="1" ht="28.2" customHeight="1">
      <c r="B28" s="53"/>
      <c r="C28" s="45"/>
      <c r="D28" s="45"/>
      <c r="E28" s="44"/>
      <c r="F28" s="45"/>
      <c r="G28" s="13" t="s">
        <v>334</v>
      </c>
      <c r="H28" s="14" t="s">
        <v>338</v>
      </c>
      <c r="I28" s="14" t="s">
        <v>306</v>
      </c>
      <c r="J28" s="14" t="s">
        <v>313</v>
      </c>
      <c r="K28" s="14" t="s">
        <v>356</v>
      </c>
      <c r="L28" s="14" t="s">
        <v>322</v>
      </c>
      <c r="M28" s="18" t="s">
        <v>358</v>
      </c>
    </row>
    <row r="29" spans="2:13" s="10" customFormat="1" ht="28.2" customHeight="1">
      <c r="B29" s="53"/>
      <c r="C29" s="42" t="s">
        <v>10</v>
      </c>
      <c r="D29" s="49" t="s">
        <v>11</v>
      </c>
      <c r="E29" s="42" t="s">
        <v>278</v>
      </c>
      <c r="F29" s="42" t="s">
        <v>283</v>
      </c>
      <c r="G29" s="13" t="s">
        <v>285</v>
      </c>
      <c r="H29" s="14" t="s">
        <v>339</v>
      </c>
      <c r="I29" s="14" t="s">
        <v>298</v>
      </c>
      <c r="J29" s="14" t="s">
        <v>307</v>
      </c>
      <c r="K29" s="14" t="s">
        <v>343</v>
      </c>
      <c r="L29" s="14" t="s">
        <v>323</v>
      </c>
      <c r="M29" s="14"/>
    </row>
    <row r="30" spans="2:13" s="10" customFormat="1" ht="28.2" customHeight="1">
      <c r="B30" s="53"/>
      <c r="C30" s="43"/>
      <c r="D30" s="50"/>
      <c r="E30" s="43"/>
      <c r="F30" s="43"/>
      <c r="G30" s="13" t="s">
        <v>284</v>
      </c>
      <c r="H30" s="14" t="s">
        <v>289</v>
      </c>
      <c r="I30" s="14" t="s">
        <v>299</v>
      </c>
      <c r="J30" s="14" t="s">
        <v>308</v>
      </c>
      <c r="K30" s="14" t="s">
        <v>316</v>
      </c>
      <c r="L30" s="14" t="s">
        <v>322</v>
      </c>
      <c r="M30" s="14"/>
    </row>
    <row r="31" spans="2:13" s="10" customFormat="1" ht="28.2" customHeight="1">
      <c r="B31" s="53"/>
      <c r="C31" s="43"/>
      <c r="D31" s="50"/>
      <c r="E31" s="43"/>
      <c r="F31" s="43"/>
      <c r="G31" s="13" t="s">
        <v>286</v>
      </c>
      <c r="H31" s="14" t="s">
        <v>340</v>
      </c>
      <c r="I31" s="14" t="s">
        <v>301</v>
      </c>
      <c r="J31" s="14" t="s">
        <v>309</v>
      </c>
      <c r="K31" s="14" t="s">
        <v>344</v>
      </c>
      <c r="L31" s="14" t="s">
        <v>322</v>
      </c>
      <c r="M31" s="14"/>
    </row>
    <row r="32" spans="2:13" s="10" customFormat="1" ht="28.2" customHeight="1">
      <c r="B32" s="53"/>
      <c r="C32" s="43"/>
      <c r="D32" s="50"/>
      <c r="E32" s="43"/>
      <c r="F32" s="43"/>
      <c r="G32" s="13" t="s">
        <v>287</v>
      </c>
      <c r="H32" s="14" t="s">
        <v>291</v>
      </c>
      <c r="I32" s="14" t="s">
        <v>302</v>
      </c>
      <c r="J32" s="14" t="s">
        <v>310</v>
      </c>
      <c r="K32" s="14" t="s">
        <v>318</v>
      </c>
      <c r="L32" s="14" t="s">
        <v>322</v>
      </c>
      <c r="M32" s="14"/>
    </row>
    <row r="33" spans="2:13" s="10" customFormat="1" ht="28.2" customHeight="1">
      <c r="B33" s="53"/>
      <c r="C33" s="43"/>
      <c r="D33" s="50"/>
      <c r="E33" s="44"/>
      <c r="F33" s="44"/>
      <c r="G33" s="13" t="s">
        <v>288</v>
      </c>
      <c r="H33" s="14" t="s">
        <v>292</v>
      </c>
      <c r="I33" s="14" t="s">
        <v>303</v>
      </c>
      <c r="J33" s="14" t="s">
        <v>311</v>
      </c>
      <c r="K33" s="14" t="s">
        <v>319</v>
      </c>
      <c r="L33" s="14" t="s">
        <v>322</v>
      </c>
      <c r="M33" s="14"/>
    </row>
    <row r="34" spans="2:13" s="10" customFormat="1" ht="28.2" customHeight="1">
      <c r="B34" s="53"/>
      <c r="C34" s="43"/>
      <c r="D34" s="50"/>
      <c r="E34" s="13" t="s">
        <v>281</v>
      </c>
      <c r="F34" s="13" t="s">
        <v>283</v>
      </c>
      <c r="G34" s="13" t="s">
        <v>294</v>
      </c>
      <c r="H34" s="14" t="s">
        <v>341</v>
      </c>
      <c r="I34" s="14" t="s">
        <v>304</v>
      </c>
      <c r="J34" s="14" t="s">
        <v>312</v>
      </c>
      <c r="K34" s="14" t="s">
        <v>345</v>
      </c>
      <c r="L34" s="14" t="s">
        <v>322</v>
      </c>
      <c r="M34" s="14"/>
    </row>
    <row r="35" spans="2:13" s="10" customFormat="1" ht="28.2" customHeight="1">
      <c r="B35" s="53"/>
      <c r="C35" s="44"/>
      <c r="D35" s="51"/>
      <c r="E35" s="13" t="s">
        <v>282</v>
      </c>
      <c r="F35" s="13" t="s">
        <v>283</v>
      </c>
      <c r="G35" s="13" t="s">
        <v>295</v>
      </c>
      <c r="H35" s="14" t="s">
        <v>341</v>
      </c>
      <c r="I35" s="14" t="s">
        <v>306</v>
      </c>
      <c r="J35" s="14" t="s">
        <v>342</v>
      </c>
      <c r="K35" s="14" t="s">
        <v>346</v>
      </c>
      <c r="L35" s="14" t="s">
        <v>322</v>
      </c>
      <c r="M35" s="14"/>
    </row>
    <row r="36" spans="2:13" s="10" customFormat="1" ht="28.2" customHeight="1">
      <c r="B36" s="53"/>
      <c r="C36" s="49" t="s">
        <v>13</v>
      </c>
      <c r="D36" s="49" t="s">
        <v>11</v>
      </c>
      <c r="E36" s="43" t="s">
        <v>278</v>
      </c>
      <c r="F36" s="42" t="s">
        <v>359</v>
      </c>
      <c r="G36" s="13" t="s">
        <v>330</v>
      </c>
      <c r="H36" s="14" t="s">
        <v>336</v>
      </c>
      <c r="I36" s="14" t="s">
        <v>297</v>
      </c>
      <c r="J36" s="14" t="s">
        <v>378</v>
      </c>
      <c r="K36" s="14" t="s">
        <v>351</v>
      </c>
      <c r="L36" s="14" t="s">
        <v>322</v>
      </c>
      <c r="M36" s="14"/>
    </row>
    <row r="37" spans="2:13" s="10" customFormat="1" ht="28.2" customHeight="1">
      <c r="B37" s="53"/>
      <c r="C37" s="55"/>
      <c r="D37" s="50"/>
      <c r="E37" s="44"/>
      <c r="F37" s="45"/>
      <c r="G37" s="13" t="s">
        <v>330</v>
      </c>
      <c r="H37" s="14" t="s">
        <v>337</v>
      </c>
      <c r="I37" s="14" t="s">
        <v>300</v>
      </c>
      <c r="J37" s="14" t="s">
        <v>379</v>
      </c>
      <c r="K37" s="14" t="s">
        <v>352</v>
      </c>
      <c r="L37" s="14" t="s">
        <v>322</v>
      </c>
      <c r="M37" s="14"/>
    </row>
    <row r="38" spans="2:13" s="10" customFormat="1" ht="28.2" customHeight="1">
      <c r="B38" s="53"/>
      <c r="C38" s="55"/>
      <c r="D38" s="50"/>
      <c r="E38" s="20" t="s">
        <v>281</v>
      </c>
      <c r="F38" s="20" t="s">
        <v>359</v>
      </c>
      <c r="G38" s="13" t="s">
        <v>331</v>
      </c>
      <c r="H38" s="14" t="s">
        <v>338</v>
      </c>
      <c r="I38" s="14" t="s">
        <v>380</v>
      </c>
      <c r="J38" s="14" t="s">
        <v>312</v>
      </c>
      <c r="K38" s="14" t="s">
        <v>353</v>
      </c>
      <c r="L38" s="14" t="s">
        <v>322</v>
      </c>
      <c r="M38" s="14"/>
    </row>
    <row r="39" spans="2:13" s="10" customFormat="1" ht="28.2" customHeight="1">
      <c r="B39" s="53"/>
      <c r="C39" s="56"/>
      <c r="D39" s="51"/>
      <c r="E39" s="13" t="s">
        <v>282</v>
      </c>
      <c r="F39" s="20" t="s">
        <v>359</v>
      </c>
      <c r="G39" s="13" t="s">
        <v>334</v>
      </c>
      <c r="H39" s="14" t="s">
        <v>338</v>
      </c>
      <c r="I39" s="14" t="s">
        <v>305</v>
      </c>
      <c r="J39" s="14" t="s">
        <v>313</v>
      </c>
      <c r="K39" s="14" t="s">
        <v>356</v>
      </c>
      <c r="L39" s="14" t="s">
        <v>322</v>
      </c>
      <c r="M39" s="14"/>
    </row>
    <row r="40" spans="2:13" s="10" customFormat="1" ht="28.2" customHeight="1">
      <c r="B40" s="54"/>
      <c r="C40" s="13" t="s">
        <v>14</v>
      </c>
      <c r="D40" s="14" t="s">
        <v>11</v>
      </c>
      <c r="E40" s="38" t="s">
        <v>283</v>
      </c>
      <c r="F40" s="41"/>
      <c r="G40" s="13" t="s">
        <v>360</v>
      </c>
      <c r="H40" s="14" t="s">
        <v>361</v>
      </c>
      <c r="I40" s="14" t="s">
        <v>304</v>
      </c>
      <c r="J40" s="14" t="s">
        <v>362</v>
      </c>
      <c r="K40" s="14" t="s">
        <v>363</v>
      </c>
      <c r="L40" s="14" t="s">
        <v>322</v>
      </c>
      <c r="M40" s="14"/>
    </row>
    <row r="41" spans="2:13" s="31" customFormat="1" ht="67.95" customHeight="1">
      <c r="B41" s="62" t="s">
        <v>381</v>
      </c>
      <c r="C41" s="16" t="s">
        <v>382</v>
      </c>
      <c r="D41" s="22" t="s">
        <v>11</v>
      </c>
      <c r="E41" s="40" t="s">
        <v>383</v>
      </c>
      <c r="F41" s="71"/>
      <c r="G41" s="25" t="s">
        <v>384</v>
      </c>
      <c r="H41" s="22" t="s">
        <v>385</v>
      </c>
      <c r="I41" s="22" t="s">
        <v>386</v>
      </c>
      <c r="J41" s="22" t="s">
        <v>387</v>
      </c>
      <c r="K41" s="22" t="s">
        <v>388</v>
      </c>
      <c r="L41" s="22" t="s">
        <v>389</v>
      </c>
      <c r="M41" s="22" t="s">
        <v>418</v>
      </c>
    </row>
    <row r="42" spans="2:13" s="31" customFormat="1" ht="67.95" customHeight="1">
      <c r="B42" s="63"/>
      <c r="C42" s="16" t="s">
        <v>390</v>
      </c>
      <c r="D42" s="22" t="s">
        <v>11</v>
      </c>
      <c r="E42" s="40" t="s">
        <v>391</v>
      </c>
      <c r="F42" s="71"/>
      <c r="G42" s="25" t="s">
        <v>392</v>
      </c>
      <c r="H42" s="22" t="s">
        <v>393</v>
      </c>
      <c r="I42" s="22" t="s">
        <v>394</v>
      </c>
      <c r="J42" s="22" t="s">
        <v>395</v>
      </c>
      <c r="K42" s="22" t="s">
        <v>396</v>
      </c>
      <c r="L42" s="22" t="s">
        <v>389</v>
      </c>
      <c r="M42" s="34"/>
    </row>
    <row r="43" spans="2:13" s="31" customFormat="1" ht="45" customHeight="1">
      <c r="B43" s="63"/>
      <c r="C43" s="16" t="s">
        <v>397</v>
      </c>
      <c r="D43" s="22" t="s">
        <v>11</v>
      </c>
      <c r="E43" s="40" t="s">
        <v>398</v>
      </c>
      <c r="F43" s="71"/>
      <c r="G43" s="25" t="s">
        <v>399</v>
      </c>
      <c r="H43" s="22" t="s">
        <v>400</v>
      </c>
      <c r="I43" s="22" t="s">
        <v>386</v>
      </c>
      <c r="J43" s="22" t="s">
        <v>387</v>
      </c>
      <c r="K43" s="22" t="s">
        <v>401</v>
      </c>
      <c r="L43" s="22" t="s">
        <v>389</v>
      </c>
      <c r="M43" s="34"/>
    </row>
    <row r="44" spans="2:13" s="31" customFormat="1" ht="45" customHeight="1">
      <c r="B44" s="63"/>
      <c r="C44" s="16" t="s">
        <v>10</v>
      </c>
      <c r="D44" s="22" t="s">
        <v>11</v>
      </c>
      <c r="E44" s="40" t="s">
        <v>383</v>
      </c>
      <c r="F44" s="71"/>
      <c r="G44" s="25" t="s">
        <v>402</v>
      </c>
      <c r="H44" s="22" t="s">
        <v>403</v>
      </c>
      <c r="I44" s="22" t="s">
        <v>404</v>
      </c>
      <c r="J44" s="22" t="s">
        <v>405</v>
      </c>
      <c r="K44" s="22" t="s">
        <v>406</v>
      </c>
      <c r="L44" s="22" t="s">
        <v>407</v>
      </c>
      <c r="M44" s="22" t="s">
        <v>419</v>
      </c>
    </row>
    <row r="45" spans="2:13" s="31" customFormat="1" ht="28.2" customHeight="1">
      <c r="B45" s="63"/>
      <c r="C45" s="72" t="s">
        <v>13</v>
      </c>
      <c r="D45" s="74" t="s">
        <v>11</v>
      </c>
      <c r="E45" s="40" t="s">
        <v>408</v>
      </c>
      <c r="F45" s="57"/>
      <c r="G45" s="25" t="s">
        <v>409</v>
      </c>
      <c r="H45" s="17" t="s">
        <v>410</v>
      </c>
      <c r="I45" s="17" t="s">
        <v>394</v>
      </c>
      <c r="J45" s="17" t="s">
        <v>411</v>
      </c>
      <c r="K45" s="17" t="s">
        <v>412</v>
      </c>
      <c r="L45" s="22" t="s">
        <v>389</v>
      </c>
      <c r="M45" s="35"/>
    </row>
    <row r="46" spans="2:13" s="31" customFormat="1" ht="28.2" customHeight="1">
      <c r="B46" s="64"/>
      <c r="C46" s="73"/>
      <c r="D46" s="75"/>
      <c r="E46" s="76" t="s">
        <v>413</v>
      </c>
      <c r="F46" s="71"/>
      <c r="G46" s="36" t="s">
        <v>414</v>
      </c>
      <c r="H46" s="34" t="s">
        <v>415</v>
      </c>
      <c r="I46" s="34" t="s">
        <v>386</v>
      </c>
      <c r="J46" s="34" t="s">
        <v>416</v>
      </c>
      <c r="K46" s="34" t="s">
        <v>417</v>
      </c>
      <c r="L46" s="17" t="s">
        <v>389</v>
      </c>
      <c r="M46" s="34"/>
    </row>
    <row r="47" spans="2:13" s="10" customFormat="1" ht="83.4" customHeight="1">
      <c r="B47" s="52" t="s">
        <v>15</v>
      </c>
      <c r="C47" s="13" t="s">
        <v>177</v>
      </c>
      <c r="D47" s="19" t="s">
        <v>11</v>
      </c>
      <c r="E47" s="38" t="s">
        <v>16</v>
      </c>
      <c r="F47" s="39"/>
      <c r="G47" s="21" t="s">
        <v>17</v>
      </c>
      <c r="H47" s="19" t="s">
        <v>18</v>
      </c>
      <c r="I47" s="19" t="s">
        <v>19</v>
      </c>
      <c r="J47" s="19" t="s">
        <v>20</v>
      </c>
      <c r="K47" s="19" t="s">
        <v>21</v>
      </c>
      <c r="L47" s="19" t="s">
        <v>22</v>
      </c>
      <c r="M47" s="19"/>
    </row>
    <row r="48" spans="2:13" s="10" customFormat="1" ht="28.2" customHeight="1">
      <c r="B48" s="54"/>
      <c r="C48" s="13" t="s">
        <v>13</v>
      </c>
      <c r="D48" s="14" t="s">
        <v>11</v>
      </c>
      <c r="E48" s="38" t="s">
        <v>23</v>
      </c>
      <c r="F48" s="39"/>
      <c r="G48" s="13" t="s">
        <v>24</v>
      </c>
      <c r="H48" s="14" t="s">
        <v>25</v>
      </c>
      <c r="I48" s="14" t="s">
        <v>26</v>
      </c>
      <c r="J48" s="14" t="s">
        <v>27</v>
      </c>
      <c r="K48" s="14" t="s">
        <v>28</v>
      </c>
      <c r="L48" s="14" t="s">
        <v>22</v>
      </c>
      <c r="M48" s="14"/>
    </row>
    <row r="49" spans="2:13" s="10" customFormat="1" ht="28.2" customHeight="1">
      <c r="B49" s="62" t="s">
        <v>171</v>
      </c>
      <c r="C49" s="16" t="s">
        <v>200</v>
      </c>
      <c r="D49" s="17" t="s">
        <v>11</v>
      </c>
      <c r="E49" s="40" t="s">
        <v>195</v>
      </c>
      <c r="F49" s="39"/>
      <c r="G49" s="16" t="s">
        <v>196</v>
      </c>
      <c r="H49" s="17" t="s">
        <v>197</v>
      </c>
      <c r="I49" s="17" t="s">
        <v>198</v>
      </c>
      <c r="J49" s="17" t="s">
        <v>199</v>
      </c>
      <c r="K49" s="17" t="s">
        <v>203</v>
      </c>
      <c r="L49" s="17" t="s">
        <v>209</v>
      </c>
      <c r="M49" s="17"/>
    </row>
    <row r="50" spans="2:13" s="10" customFormat="1" ht="28.2" customHeight="1">
      <c r="B50" s="63"/>
      <c r="C50" s="16" t="s">
        <v>202</v>
      </c>
      <c r="D50" s="17" t="s">
        <v>11</v>
      </c>
      <c r="E50" s="40" t="s">
        <v>195</v>
      </c>
      <c r="F50" s="39"/>
      <c r="G50" s="16" t="s">
        <v>196</v>
      </c>
      <c r="H50" s="17" t="s">
        <v>197</v>
      </c>
      <c r="I50" s="17" t="s">
        <v>198</v>
      </c>
      <c r="J50" s="17" t="s">
        <v>199</v>
      </c>
      <c r="K50" s="17" t="s">
        <v>204</v>
      </c>
      <c r="L50" s="17" t="s">
        <v>209</v>
      </c>
      <c r="M50" s="17"/>
    </row>
    <row r="51" spans="2:13" s="10" customFormat="1" ht="28.2" customHeight="1">
      <c r="B51" s="63"/>
      <c r="C51" s="16" t="s">
        <v>201</v>
      </c>
      <c r="D51" s="17" t="s">
        <v>11</v>
      </c>
      <c r="E51" s="40" t="s">
        <v>195</v>
      </c>
      <c r="F51" s="39"/>
      <c r="G51" s="16" t="s">
        <v>196</v>
      </c>
      <c r="H51" s="17" t="s">
        <v>197</v>
      </c>
      <c r="I51" s="17" t="s">
        <v>198</v>
      </c>
      <c r="J51" s="17" t="s">
        <v>199</v>
      </c>
      <c r="K51" s="17" t="s">
        <v>205</v>
      </c>
      <c r="L51" s="17" t="s">
        <v>209</v>
      </c>
      <c r="M51" s="17"/>
    </row>
    <row r="52" spans="2:13" s="10" customFormat="1" ht="28.2" customHeight="1">
      <c r="B52" s="63"/>
      <c r="C52" s="16" t="s">
        <v>10</v>
      </c>
      <c r="D52" s="22" t="s">
        <v>11</v>
      </c>
      <c r="E52" s="40" t="s">
        <v>108</v>
      </c>
      <c r="F52" s="39"/>
      <c r="G52" s="23" t="s">
        <v>188</v>
      </c>
      <c r="H52" s="22" t="s">
        <v>189</v>
      </c>
      <c r="I52" s="22" t="s">
        <v>198</v>
      </c>
      <c r="J52" s="22" t="s">
        <v>199</v>
      </c>
      <c r="K52" s="22" t="s">
        <v>206</v>
      </c>
      <c r="L52" s="17" t="s">
        <v>209</v>
      </c>
      <c r="M52" s="22"/>
    </row>
    <row r="53" spans="2:13" s="10" customFormat="1" ht="28.2" customHeight="1">
      <c r="B53" s="63"/>
      <c r="C53" s="16" t="s">
        <v>13</v>
      </c>
      <c r="D53" s="22" t="s">
        <v>11</v>
      </c>
      <c r="E53" s="40" t="s">
        <v>190</v>
      </c>
      <c r="F53" s="39"/>
      <c r="G53" s="23" t="s">
        <v>191</v>
      </c>
      <c r="H53" s="22" t="s">
        <v>192</v>
      </c>
      <c r="I53" s="22" t="s">
        <v>198</v>
      </c>
      <c r="J53" s="22" t="s">
        <v>199</v>
      </c>
      <c r="K53" s="22" t="s">
        <v>207</v>
      </c>
      <c r="L53" s="17" t="s">
        <v>209</v>
      </c>
      <c r="M53" s="22"/>
    </row>
    <row r="54" spans="2:13" s="10" customFormat="1" ht="28.2" customHeight="1">
      <c r="B54" s="64"/>
      <c r="C54" s="16" t="s">
        <v>14</v>
      </c>
      <c r="D54" s="22" t="s">
        <v>11</v>
      </c>
      <c r="E54" s="40" t="s">
        <v>108</v>
      </c>
      <c r="F54" s="39"/>
      <c r="G54" s="23" t="s">
        <v>193</v>
      </c>
      <c r="H54" s="22" t="s">
        <v>194</v>
      </c>
      <c r="I54" s="22" t="s">
        <v>198</v>
      </c>
      <c r="J54" s="22" t="s">
        <v>199</v>
      </c>
      <c r="K54" s="22" t="s">
        <v>208</v>
      </c>
      <c r="L54" s="17" t="s">
        <v>209</v>
      </c>
      <c r="M54" s="22"/>
    </row>
    <row r="55" spans="2:13" s="10" customFormat="1" ht="28.2" customHeight="1">
      <c r="B55" s="24" t="s">
        <v>30</v>
      </c>
      <c r="C55" s="13" t="s">
        <v>161</v>
      </c>
      <c r="D55" s="19" t="s">
        <v>11</v>
      </c>
      <c r="E55" s="38" t="s">
        <v>31</v>
      </c>
      <c r="F55" s="39"/>
      <c r="G55" s="21" t="s">
        <v>32</v>
      </c>
      <c r="H55" s="19" t="s">
        <v>33</v>
      </c>
      <c r="I55" s="19" t="s">
        <v>34</v>
      </c>
      <c r="J55" s="19" t="s">
        <v>35</v>
      </c>
      <c r="K55" s="19" t="s">
        <v>174</v>
      </c>
      <c r="L55" s="19" t="s">
        <v>22</v>
      </c>
      <c r="M55" s="19"/>
    </row>
    <row r="56" spans="2:13" s="10" customFormat="1" ht="67.95" customHeight="1">
      <c r="B56" s="62" t="s">
        <v>253</v>
      </c>
      <c r="C56" s="16" t="s">
        <v>265</v>
      </c>
      <c r="D56" s="22" t="s">
        <v>11</v>
      </c>
      <c r="E56" s="40" t="s">
        <v>261</v>
      </c>
      <c r="F56" s="39"/>
      <c r="G56" s="25" t="s">
        <v>218</v>
      </c>
      <c r="H56" s="22" t="s">
        <v>276</v>
      </c>
      <c r="I56" s="22" t="s">
        <v>262</v>
      </c>
      <c r="J56" s="22" t="s">
        <v>263</v>
      </c>
      <c r="K56" s="22" t="s">
        <v>264</v>
      </c>
      <c r="L56" s="22" t="s">
        <v>12</v>
      </c>
      <c r="M56" s="22"/>
    </row>
    <row r="57" spans="2:13" s="10" customFormat="1" ht="42" customHeight="1">
      <c r="B57" s="63"/>
      <c r="C57" s="16" t="s">
        <v>10</v>
      </c>
      <c r="D57" s="22" t="s">
        <v>11</v>
      </c>
      <c r="E57" s="40" t="s">
        <v>261</v>
      </c>
      <c r="F57" s="39"/>
      <c r="G57" s="25" t="s">
        <v>113</v>
      </c>
      <c r="H57" s="22" t="s">
        <v>266</v>
      </c>
      <c r="I57" s="22" t="s">
        <v>262</v>
      </c>
      <c r="J57" s="22" t="s">
        <v>263</v>
      </c>
      <c r="K57" s="22" t="s">
        <v>277</v>
      </c>
      <c r="L57" s="22" t="s">
        <v>12</v>
      </c>
      <c r="M57" s="22"/>
    </row>
    <row r="58" spans="2:13" s="10" customFormat="1" ht="42" customHeight="1">
      <c r="B58" s="63"/>
      <c r="C58" s="16" t="s">
        <v>13</v>
      </c>
      <c r="D58" s="22" t="s">
        <v>11</v>
      </c>
      <c r="E58" s="40" t="s">
        <v>267</v>
      </c>
      <c r="F58" s="39"/>
      <c r="G58" s="25" t="s">
        <v>268</v>
      </c>
      <c r="H58" s="22" t="s">
        <v>269</v>
      </c>
      <c r="I58" s="22" t="s">
        <v>270</v>
      </c>
      <c r="J58" s="22" t="s">
        <v>271</v>
      </c>
      <c r="K58" s="22" t="s">
        <v>272</v>
      </c>
      <c r="L58" s="22" t="s">
        <v>12</v>
      </c>
      <c r="M58" s="22"/>
    </row>
    <row r="59" spans="2:13" s="10" customFormat="1" ht="42" customHeight="1">
      <c r="B59" s="64"/>
      <c r="C59" s="16" t="s">
        <v>14</v>
      </c>
      <c r="D59" s="22" t="s">
        <v>11</v>
      </c>
      <c r="E59" s="40" t="s">
        <v>273</v>
      </c>
      <c r="F59" s="39"/>
      <c r="G59" s="25" t="s">
        <v>274</v>
      </c>
      <c r="H59" s="22" t="s">
        <v>59</v>
      </c>
      <c r="I59" s="22" t="s">
        <v>262</v>
      </c>
      <c r="J59" s="22" t="s">
        <v>263</v>
      </c>
      <c r="K59" s="22" t="s">
        <v>275</v>
      </c>
      <c r="L59" s="22" t="s">
        <v>12</v>
      </c>
      <c r="M59" s="22"/>
    </row>
    <row r="60" spans="2:13" s="10" customFormat="1" ht="45" customHeight="1">
      <c r="B60" s="52" t="s">
        <v>36</v>
      </c>
      <c r="C60" s="13" t="s">
        <v>176</v>
      </c>
      <c r="D60" s="19" t="s">
        <v>11</v>
      </c>
      <c r="E60" s="38" t="s">
        <v>16</v>
      </c>
      <c r="F60" s="39"/>
      <c r="G60" s="21" t="s">
        <v>37</v>
      </c>
      <c r="H60" s="19" t="s">
        <v>38</v>
      </c>
      <c r="I60" s="19" t="s">
        <v>39</v>
      </c>
      <c r="J60" s="19" t="s">
        <v>40</v>
      </c>
      <c r="K60" s="19" t="s">
        <v>41</v>
      </c>
      <c r="L60" s="19" t="s">
        <v>22</v>
      </c>
      <c r="M60" s="14"/>
    </row>
    <row r="61" spans="2:13" s="10" customFormat="1" ht="28.2" customHeight="1">
      <c r="B61" s="53"/>
      <c r="C61" s="13" t="s">
        <v>9</v>
      </c>
      <c r="D61" s="14" t="s">
        <v>11</v>
      </c>
      <c r="E61" s="38" t="s">
        <v>42</v>
      </c>
      <c r="F61" s="39"/>
      <c r="G61" s="13" t="s">
        <v>43</v>
      </c>
      <c r="H61" s="14" t="s">
        <v>44</v>
      </c>
      <c r="I61" s="14" t="s">
        <v>45</v>
      </c>
      <c r="J61" s="14" t="s">
        <v>46</v>
      </c>
      <c r="K61" s="14" t="s">
        <v>47</v>
      </c>
      <c r="L61" s="14" t="s">
        <v>22</v>
      </c>
      <c r="M61" s="14" t="s">
        <v>422</v>
      </c>
    </row>
    <row r="62" spans="2:13" s="10" customFormat="1" ht="28.2" customHeight="1">
      <c r="B62" s="53"/>
      <c r="C62" s="13" t="s">
        <v>10</v>
      </c>
      <c r="D62" s="14" t="s">
        <v>11</v>
      </c>
      <c r="E62" s="38" t="s">
        <v>16</v>
      </c>
      <c r="F62" s="39"/>
      <c r="G62" s="13" t="s">
        <v>48</v>
      </c>
      <c r="H62" s="14" t="s">
        <v>49</v>
      </c>
      <c r="I62" s="14" t="s">
        <v>39</v>
      </c>
      <c r="J62" s="14" t="s">
        <v>40</v>
      </c>
      <c r="K62" s="14" t="s">
        <v>50</v>
      </c>
      <c r="L62" s="14" t="s">
        <v>22</v>
      </c>
      <c r="M62" s="14"/>
    </row>
    <row r="63" spans="2:13" s="10" customFormat="1" ht="28.2" customHeight="1">
      <c r="B63" s="53"/>
      <c r="C63" s="13" t="s">
        <v>13</v>
      </c>
      <c r="D63" s="14" t="s">
        <v>11</v>
      </c>
      <c r="E63" s="38" t="s">
        <v>51</v>
      </c>
      <c r="F63" s="39"/>
      <c r="G63" s="13" t="s">
        <v>52</v>
      </c>
      <c r="H63" s="14" t="s">
        <v>53</v>
      </c>
      <c r="I63" s="14" t="s">
        <v>39</v>
      </c>
      <c r="J63" s="14" t="s">
        <v>40</v>
      </c>
      <c r="K63" s="14" t="s">
        <v>54</v>
      </c>
      <c r="L63" s="14" t="s">
        <v>22</v>
      </c>
      <c r="M63" s="14" t="s">
        <v>210</v>
      </c>
    </row>
    <row r="64" spans="2:13" s="10" customFormat="1" ht="28.2" customHeight="1">
      <c r="B64" s="54"/>
      <c r="C64" s="13" t="s">
        <v>14</v>
      </c>
      <c r="D64" s="14" t="s">
        <v>11</v>
      </c>
      <c r="E64" s="38" t="s">
        <v>16</v>
      </c>
      <c r="F64" s="39"/>
      <c r="G64" s="13" t="s">
        <v>29</v>
      </c>
      <c r="H64" s="14" t="s">
        <v>55</v>
      </c>
      <c r="I64" s="14" t="s">
        <v>39</v>
      </c>
      <c r="J64" s="14" t="s">
        <v>40</v>
      </c>
      <c r="K64" s="14" t="s">
        <v>56</v>
      </c>
      <c r="L64" s="14" t="s">
        <v>22</v>
      </c>
      <c r="M64" s="14"/>
    </row>
    <row r="65" spans="2:13" s="10" customFormat="1" ht="28.2" customHeight="1">
      <c r="B65" s="15" t="s">
        <v>172</v>
      </c>
      <c r="C65" s="16" t="s">
        <v>216</v>
      </c>
      <c r="D65" s="17" t="s">
        <v>11</v>
      </c>
      <c r="E65" s="40" t="s">
        <v>16</v>
      </c>
      <c r="F65" s="39"/>
      <c r="G65" s="16" t="s">
        <v>211</v>
      </c>
      <c r="H65" s="17" t="s">
        <v>212</v>
      </c>
      <c r="I65" s="17" t="s">
        <v>213</v>
      </c>
      <c r="J65" s="17" t="s">
        <v>214</v>
      </c>
      <c r="K65" s="17" t="s">
        <v>215</v>
      </c>
      <c r="L65" s="17" t="s">
        <v>12</v>
      </c>
      <c r="M65" s="17"/>
    </row>
    <row r="66" spans="2:13" s="10" customFormat="1" ht="67.95" customHeight="1">
      <c r="B66" s="52" t="s">
        <v>173</v>
      </c>
      <c r="C66" s="13" t="s">
        <v>217</v>
      </c>
      <c r="D66" s="14" t="s">
        <v>11</v>
      </c>
      <c r="E66" s="38" t="s">
        <v>223</v>
      </c>
      <c r="F66" s="39"/>
      <c r="G66" s="13" t="s">
        <v>218</v>
      </c>
      <c r="H66" s="14" t="s">
        <v>219</v>
      </c>
      <c r="I66" s="14" t="s">
        <v>220</v>
      </c>
      <c r="J66" s="14" t="s">
        <v>221</v>
      </c>
      <c r="K66" s="14" t="s">
        <v>222</v>
      </c>
      <c r="L66" s="14" t="s">
        <v>238</v>
      </c>
      <c r="M66" s="14"/>
    </row>
    <row r="67" spans="2:13" s="10" customFormat="1" ht="28.2" customHeight="1">
      <c r="B67" s="53"/>
      <c r="C67" s="13" t="s">
        <v>10</v>
      </c>
      <c r="D67" s="19" t="s">
        <v>11</v>
      </c>
      <c r="E67" s="38" t="s">
        <v>223</v>
      </c>
      <c r="F67" s="39"/>
      <c r="G67" s="20" t="s">
        <v>224</v>
      </c>
      <c r="H67" s="19" t="s">
        <v>225</v>
      </c>
      <c r="I67" s="19" t="s">
        <v>220</v>
      </c>
      <c r="J67" s="19" t="s">
        <v>226</v>
      </c>
      <c r="K67" s="19" t="s">
        <v>227</v>
      </c>
      <c r="L67" s="14" t="s">
        <v>238</v>
      </c>
      <c r="M67" s="19"/>
    </row>
    <row r="68" spans="2:13" s="10" customFormat="1" ht="28.2" customHeight="1">
      <c r="B68" s="53"/>
      <c r="C68" s="13" t="s">
        <v>13</v>
      </c>
      <c r="D68" s="19" t="s">
        <v>11</v>
      </c>
      <c r="E68" s="38" t="s">
        <v>228</v>
      </c>
      <c r="F68" s="39"/>
      <c r="G68" s="20" t="s">
        <v>229</v>
      </c>
      <c r="H68" s="19" t="s">
        <v>230</v>
      </c>
      <c r="I68" s="19" t="s">
        <v>231</v>
      </c>
      <c r="J68" s="19" t="s">
        <v>232</v>
      </c>
      <c r="K68" s="19" t="s">
        <v>236</v>
      </c>
      <c r="L68" s="14" t="s">
        <v>238</v>
      </c>
      <c r="M68" s="19"/>
    </row>
    <row r="69" spans="2:13" s="10" customFormat="1" ht="28.2" customHeight="1">
      <c r="B69" s="53"/>
      <c r="C69" s="13" t="s">
        <v>14</v>
      </c>
      <c r="D69" s="19" t="s">
        <v>11</v>
      </c>
      <c r="E69" s="38" t="s">
        <v>233</v>
      </c>
      <c r="F69" s="39"/>
      <c r="G69" s="20" t="s">
        <v>234</v>
      </c>
      <c r="H69" s="19" t="s">
        <v>59</v>
      </c>
      <c r="I69" s="19" t="s">
        <v>220</v>
      </c>
      <c r="J69" s="19" t="s">
        <v>235</v>
      </c>
      <c r="K69" s="19" t="s">
        <v>237</v>
      </c>
      <c r="L69" s="14" t="s">
        <v>238</v>
      </c>
      <c r="M69" s="19"/>
    </row>
    <row r="70" spans="2:13" s="10" customFormat="1" ht="28.2" customHeight="1">
      <c r="B70" s="33" t="s">
        <v>57</v>
      </c>
      <c r="C70" s="16" t="s">
        <v>161</v>
      </c>
      <c r="D70" s="17" t="s">
        <v>11</v>
      </c>
      <c r="E70" s="40" t="s">
        <v>58</v>
      </c>
      <c r="F70" s="39"/>
      <c r="G70" s="28" t="s">
        <v>424</v>
      </c>
      <c r="H70" s="17" t="s">
        <v>425</v>
      </c>
      <c r="I70" s="17" t="s">
        <v>60</v>
      </c>
      <c r="J70" s="17" t="s">
        <v>61</v>
      </c>
      <c r="K70" s="17" t="s">
        <v>62</v>
      </c>
      <c r="L70" s="17" t="s">
        <v>22</v>
      </c>
      <c r="M70" s="17"/>
    </row>
    <row r="71" spans="2:13" s="10" customFormat="1" ht="67.95" customHeight="1">
      <c r="B71" s="52" t="s">
        <v>63</v>
      </c>
      <c r="C71" s="13" t="s">
        <v>178</v>
      </c>
      <c r="D71" s="14" t="s">
        <v>11</v>
      </c>
      <c r="E71" s="38" t="s">
        <v>64</v>
      </c>
      <c r="F71" s="39"/>
      <c r="G71" s="27" t="s">
        <v>65</v>
      </c>
      <c r="H71" s="14" t="s">
        <v>66</v>
      </c>
      <c r="I71" s="14" t="s">
        <v>67</v>
      </c>
      <c r="J71" s="14" t="s">
        <v>68</v>
      </c>
      <c r="K71" s="14" t="s">
        <v>69</v>
      </c>
      <c r="L71" s="14" t="s">
        <v>12</v>
      </c>
      <c r="M71" s="14"/>
    </row>
    <row r="72" spans="2:13" s="10" customFormat="1" ht="28.2" customHeight="1">
      <c r="B72" s="53"/>
      <c r="C72" s="13" t="s">
        <v>10</v>
      </c>
      <c r="D72" s="14" t="s">
        <v>11</v>
      </c>
      <c r="E72" s="38" t="s">
        <v>64</v>
      </c>
      <c r="F72" s="39"/>
      <c r="G72" s="13" t="s">
        <v>71</v>
      </c>
      <c r="H72" s="14" t="s">
        <v>72</v>
      </c>
      <c r="I72" s="14" t="s">
        <v>70</v>
      </c>
      <c r="J72" s="14" t="s">
        <v>68</v>
      </c>
      <c r="K72" s="14" t="s">
        <v>73</v>
      </c>
      <c r="L72" s="14" t="s">
        <v>12</v>
      </c>
      <c r="M72" s="14"/>
    </row>
    <row r="73" spans="2:13" s="10" customFormat="1" ht="28.2" customHeight="1">
      <c r="B73" s="53"/>
      <c r="C73" s="13" t="s">
        <v>13</v>
      </c>
      <c r="D73" s="14" t="s">
        <v>11</v>
      </c>
      <c r="E73" s="38" t="s">
        <v>74</v>
      </c>
      <c r="F73" s="39"/>
      <c r="G73" s="13" t="s">
        <v>75</v>
      </c>
      <c r="H73" s="14" t="s">
        <v>76</v>
      </c>
      <c r="I73" s="14" t="s">
        <v>77</v>
      </c>
      <c r="J73" s="14" t="s">
        <v>78</v>
      </c>
      <c r="K73" s="14" t="s">
        <v>79</v>
      </c>
      <c r="L73" s="14" t="s">
        <v>12</v>
      </c>
      <c r="M73" s="14"/>
    </row>
    <row r="74" spans="2:13" s="10" customFormat="1" ht="67.95" customHeight="1">
      <c r="B74" s="62" t="s">
        <v>80</v>
      </c>
      <c r="C74" s="16" t="s">
        <v>179</v>
      </c>
      <c r="D74" s="17" t="s">
        <v>11</v>
      </c>
      <c r="E74" s="40" t="s">
        <v>81</v>
      </c>
      <c r="F74" s="39"/>
      <c r="G74" s="28" t="s">
        <v>82</v>
      </c>
      <c r="H74" s="17" t="s">
        <v>83</v>
      </c>
      <c r="I74" s="17" t="s">
        <v>84</v>
      </c>
      <c r="J74" s="17" t="s">
        <v>85</v>
      </c>
      <c r="K74" s="17" t="s">
        <v>86</v>
      </c>
      <c r="L74" s="17" t="s">
        <v>87</v>
      </c>
      <c r="M74" s="17"/>
    </row>
    <row r="75" spans="2:13" s="10" customFormat="1" ht="28.2" customHeight="1">
      <c r="B75" s="63"/>
      <c r="C75" s="16" t="s">
        <v>10</v>
      </c>
      <c r="D75" s="17" t="s">
        <v>11</v>
      </c>
      <c r="E75" s="40" t="s">
        <v>81</v>
      </c>
      <c r="F75" s="39"/>
      <c r="G75" s="16" t="s">
        <v>88</v>
      </c>
      <c r="H75" s="17" t="s">
        <v>89</v>
      </c>
      <c r="I75" s="17" t="s">
        <v>84</v>
      </c>
      <c r="J75" s="17" t="s">
        <v>85</v>
      </c>
      <c r="K75" s="17" t="s">
        <v>90</v>
      </c>
      <c r="L75" s="17" t="s">
        <v>87</v>
      </c>
      <c r="M75" s="17"/>
    </row>
    <row r="76" spans="2:13" s="10" customFormat="1" ht="28.2" customHeight="1">
      <c r="B76" s="63"/>
      <c r="C76" s="16" t="s">
        <v>13</v>
      </c>
      <c r="D76" s="17" t="s">
        <v>11</v>
      </c>
      <c r="E76" s="40" t="s">
        <v>91</v>
      </c>
      <c r="F76" s="39"/>
      <c r="G76" s="16" t="s">
        <v>92</v>
      </c>
      <c r="H76" s="17" t="s">
        <v>93</v>
      </c>
      <c r="I76" s="17" t="s">
        <v>84</v>
      </c>
      <c r="J76" s="17" t="s">
        <v>185</v>
      </c>
      <c r="K76" s="17" t="s">
        <v>94</v>
      </c>
      <c r="L76" s="17" t="s">
        <v>87</v>
      </c>
      <c r="M76" s="17"/>
    </row>
    <row r="77" spans="2:13" s="10" customFormat="1" ht="28.2" customHeight="1">
      <c r="B77" s="64"/>
      <c r="C77" s="16" t="s">
        <v>14</v>
      </c>
      <c r="D77" s="17" t="s">
        <v>11</v>
      </c>
      <c r="E77" s="40" t="s">
        <v>81</v>
      </c>
      <c r="F77" s="39"/>
      <c r="G77" s="16" t="s">
        <v>95</v>
      </c>
      <c r="H77" s="17" t="s">
        <v>96</v>
      </c>
      <c r="I77" s="17" t="s">
        <v>84</v>
      </c>
      <c r="J77" s="17" t="s">
        <v>85</v>
      </c>
      <c r="K77" s="17" t="s">
        <v>97</v>
      </c>
      <c r="L77" s="17" t="s">
        <v>87</v>
      </c>
      <c r="M77" s="17"/>
    </row>
    <row r="78" spans="2:13" s="10" customFormat="1" ht="67.95" customHeight="1">
      <c r="B78" s="52" t="s">
        <v>98</v>
      </c>
      <c r="C78" s="13" t="s">
        <v>178</v>
      </c>
      <c r="D78" s="14" t="s">
        <v>11</v>
      </c>
      <c r="E78" s="38" t="s">
        <v>31</v>
      </c>
      <c r="F78" s="39"/>
      <c r="G78" s="27" t="s">
        <v>99</v>
      </c>
      <c r="H78" s="14" t="s">
        <v>100</v>
      </c>
      <c r="I78" s="14" t="s">
        <v>101</v>
      </c>
      <c r="J78" s="14" t="s">
        <v>102</v>
      </c>
      <c r="K78" s="14" t="s">
        <v>103</v>
      </c>
      <c r="L78" s="14" t="s">
        <v>12</v>
      </c>
      <c r="M78" s="14"/>
    </row>
    <row r="79" spans="2:13" s="10" customFormat="1" ht="28.2" customHeight="1">
      <c r="B79" s="53"/>
      <c r="C79" s="13" t="s">
        <v>10</v>
      </c>
      <c r="D79" s="14" t="s">
        <v>11</v>
      </c>
      <c r="E79" s="38" t="s">
        <v>31</v>
      </c>
      <c r="F79" s="39"/>
      <c r="G79" s="13" t="s">
        <v>99</v>
      </c>
      <c r="H79" s="14" t="s">
        <v>104</v>
      </c>
      <c r="I79" s="14" t="s">
        <v>101</v>
      </c>
      <c r="J79" s="14" t="s">
        <v>102</v>
      </c>
      <c r="K79" s="14" t="s">
        <v>103</v>
      </c>
      <c r="L79" s="14" t="s">
        <v>12</v>
      </c>
      <c r="M79" s="14"/>
    </row>
    <row r="80" spans="2:13" s="10" customFormat="1" ht="28.2" customHeight="1">
      <c r="B80" s="53"/>
      <c r="C80" s="13" t="s">
        <v>13</v>
      </c>
      <c r="D80" s="14" t="s">
        <v>11</v>
      </c>
      <c r="E80" s="38" t="s">
        <v>31</v>
      </c>
      <c r="F80" s="39"/>
      <c r="G80" s="13" t="s">
        <v>105</v>
      </c>
      <c r="H80" s="14" t="s">
        <v>106</v>
      </c>
      <c r="I80" s="14" t="s">
        <v>101</v>
      </c>
      <c r="J80" s="14" t="s">
        <v>102</v>
      </c>
      <c r="K80" s="14" t="s">
        <v>103</v>
      </c>
      <c r="L80" s="14" t="s">
        <v>12</v>
      </c>
      <c r="M80" s="14"/>
    </row>
    <row r="81" spans="2:13" s="10" customFormat="1" ht="67.95" customHeight="1">
      <c r="B81" s="62" t="s">
        <v>107</v>
      </c>
      <c r="C81" s="16" t="s">
        <v>180</v>
      </c>
      <c r="D81" s="17" t="s">
        <v>11</v>
      </c>
      <c r="E81" s="40" t="s">
        <v>108</v>
      </c>
      <c r="F81" s="39"/>
      <c r="G81" s="25" t="s">
        <v>99</v>
      </c>
      <c r="H81" s="22" t="s">
        <v>109</v>
      </c>
      <c r="I81" s="29" t="s">
        <v>110</v>
      </c>
      <c r="J81" s="29" t="s">
        <v>111</v>
      </c>
      <c r="K81" s="29" t="s">
        <v>112</v>
      </c>
      <c r="L81" s="29" t="s">
        <v>12</v>
      </c>
      <c r="M81" s="17"/>
    </row>
    <row r="82" spans="2:13" s="10" customFormat="1" ht="28.2" customHeight="1">
      <c r="B82" s="63"/>
      <c r="C82" s="16" t="s">
        <v>10</v>
      </c>
      <c r="D82" s="17" t="s">
        <v>11</v>
      </c>
      <c r="E82" s="40" t="s">
        <v>108</v>
      </c>
      <c r="F82" s="39"/>
      <c r="G82" s="16" t="s">
        <v>113</v>
      </c>
      <c r="H82" s="17" t="s">
        <v>114</v>
      </c>
      <c r="I82" s="29" t="s">
        <v>110</v>
      </c>
      <c r="J82" s="29" t="s">
        <v>111</v>
      </c>
      <c r="K82" s="29" t="s">
        <v>112</v>
      </c>
      <c r="L82" s="29" t="s">
        <v>12</v>
      </c>
      <c r="M82" s="17"/>
    </row>
    <row r="83" spans="2:13" s="10" customFormat="1" ht="28.2" customHeight="1">
      <c r="B83" s="63"/>
      <c r="C83" s="16" t="s">
        <v>13</v>
      </c>
      <c r="D83" s="17" t="s">
        <v>11</v>
      </c>
      <c r="E83" s="40" t="s">
        <v>115</v>
      </c>
      <c r="F83" s="39"/>
      <c r="G83" s="16" t="s">
        <v>116</v>
      </c>
      <c r="H83" s="17" t="s">
        <v>117</v>
      </c>
      <c r="I83" s="29" t="s">
        <v>110</v>
      </c>
      <c r="J83" s="29" t="s">
        <v>111</v>
      </c>
      <c r="K83" s="29" t="s">
        <v>112</v>
      </c>
      <c r="L83" s="29" t="s">
        <v>12</v>
      </c>
      <c r="M83" s="17"/>
    </row>
    <row r="84" spans="2:13" s="10" customFormat="1" ht="28.2" customHeight="1">
      <c r="B84" s="64"/>
      <c r="C84" s="16" t="s">
        <v>14</v>
      </c>
      <c r="D84" s="17" t="s">
        <v>11</v>
      </c>
      <c r="E84" s="40" t="s">
        <v>118</v>
      </c>
      <c r="F84" s="39"/>
      <c r="G84" s="16" t="s">
        <v>65</v>
      </c>
      <c r="H84" s="17" t="s">
        <v>33</v>
      </c>
      <c r="I84" s="29" t="s">
        <v>110</v>
      </c>
      <c r="J84" s="29" t="s">
        <v>111</v>
      </c>
      <c r="K84" s="29" t="s">
        <v>112</v>
      </c>
      <c r="L84" s="29" t="s">
        <v>12</v>
      </c>
      <c r="M84" s="17"/>
    </row>
    <row r="85" spans="2:13" s="30" customFormat="1" ht="28.2" customHeight="1">
      <c r="B85" s="65" t="s">
        <v>239</v>
      </c>
      <c r="C85" s="13" t="s">
        <v>161</v>
      </c>
      <c r="D85" s="14" t="s">
        <v>11</v>
      </c>
      <c r="E85" s="38" t="s">
        <v>240</v>
      </c>
      <c r="F85" s="39"/>
      <c r="G85" s="13" t="s">
        <v>99</v>
      </c>
      <c r="H85" s="14" t="s">
        <v>241</v>
      </c>
      <c r="I85" s="18" t="s">
        <v>242</v>
      </c>
      <c r="J85" s="18" t="s">
        <v>243</v>
      </c>
      <c r="K85" s="18" t="s">
        <v>244</v>
      </c>
      <c r="L85" s="18" t="s">
        <v>245</v>
      </c>
      <c r="M85" s="14"/>
    </row>
    <row r="86" spans="2:13" s="30" customFormat="1" ht="67.95" customHeight="1">
      <c r="B86" s="65"/>
      <c r="C86" s="13" t="s">
        <v>246</v>
      </c>
      <c r="D86" s="14" t="s">
        <v>11</v>
      </c>
      <c r="E86" s="38" t="s">
        <v>247</v>
      </c>
      <c r="F86" s="39"/>
      <c r="G86" s="13" t="s">
        <v>99</v>
      </c>
      <c r="H86" s="14" t="s">
        <v>145</v>
      </c>
      <c r="I86" s="18" t="s">
        <v>248</v>
      </c>
      <c r="J86" s="18" t="s">
        <v>249</v>
      </c>
      <c r="K86" s="18" t="s">
        <v>250</v>
      </c>
      <c r="L86" s="18" t="s">
        <v>245</v>
      </c>
      <c r="M86" s="14"/>
    </row>
    <row r="87" spans="2:13" s="30" customFormat="1" ht="28.2" customHeight="1">
      <c r="B87" s="65"/>
      <c r="C87" s="13" t="s">
        <v>10</v>
      </c>
      <c r="D87" s="14" t="s">
        <v>11</v>
      </c>
      <c r="E87" s="38" t="s">
        <v>240</v>
      </c>
      <c r="F87" s="39"/>
      <c r="G87" s="13" t="s">
        <v>99</v>
      </c>
      <c r="H87" s="14" t="s">
        <v>251</v>
      </c>
      <c r="I87" s="18" t="s">
        <v>242</v>
      </c>
      <c r="J87" s="18" t="s">
        <v>243</v>
      </c>
      <c r="K87" s="18" t="s">
        <v>244</v>
      </c>
      <c r="L87" s="18" t="s">
        <v>245</v>
      </c>
      <c r="M87" s="14"/>
    </row>
    <row r="88" spans="2:13" s="30" customFormat="1" ht="28.2" customHeight="1">
      <c r="B88" s="65"/>
      <c r="C88" s="13" t="s">
        <v>252</v>
      </c>
      <c r="D88" s="14" t="s">
        <v>11</v>
      </c>
      <c r="E88" s="38" t="s">
        <v>247</v>
      </c>
      <c r="F88" s="39"/>
      <c r="G88" s="13" t="s">
        <v>116</v>
      </c>
      <c r="H88" s="14" t="s">
        <v>187</v>
      </c>
      <c r="I88" s="18" t="s">
        <v>242</v>
      </c>
      <c r="J88" s="18" t="s">
        <v>243</v>
      </c>
      <c r="K88" s="18" t="s">
        <v>244</v>
      </c>
      <c r="L88" s="18" t="s">
        <v>245</v>
      </c>
      <c r="M88" s="14"/>
    </row>
    <row r="89" spans="2:13" s="31" customFormat="1" ht="28.2" customHeight="1">
      <c r="B89" s="26" t="s">
        <v>119</v>
      </c>
      <c r="C89" s="16" t="s">
        <v>161</v>
      </c>
      <c r="D89" s="17" t="s">
        <v>11</v>
      </c>
      <c r="E89" s="40" t="s">
        <v>187</v>
      </c>
      <c r="F89" s="39"/>
      <c r="G89" s="28" t="s">
        <v>99</v>
      </c>
      <c r="H89" s="17" t="s">
        <v>187</v>
      </c>
      <c r="I89" s="17" t="s">
        <v>120</v>
      </c>
      <c r="J89" s="17" t="s">
        <v>121</v>
      </c>
      <c r="K89" s="17" t="s">
        <v>122</v>
      </c>
      <c r="L89" s="17" t="s">
        <v>123</v>
      </c>
      <c r="M89" s="17"/>
    </row>
    <row r="90" spans="2:13" s="10" customFormat="1" ht="28.2" customHeight="1">
      <c r="B90" s="24" t="s">
        <v>124</v>
      </c>
      <c r="C90" s="13" t="s">
        <v>161</v>
      </c>
      <c r="D90" s="20" t="s">
        <v>11</v>
      </c>
      <c r="E90" s="38" t="s">
        <v>187</v>
      </c>
      <c r="F90" s="39"/>
      <c r="G90" s="20" t="s">
        <v>99</v>
      </c>
      <c r="H90" s="20" t="s">
        <v>125</v>
      </c>
      <c r="I90" s="20" t="s">
        <v>126</v>
      </c>
      <c r="J90" s="20" t="s">
        <v>181</v>
      </c>
      <c r="K90" s="20" t="s">
        <v>127</v>
      </c>
      <c r="L90" s="20" t="s">
        <v>128</v>
      </c>
      <c r="M90" s="20"/>
    </row>
    <row r="91" spans="2:13" s="30" customFormat="1" ht="67.95" customHeight="1">
      <c r="B91" s="62" t="s">
        <v>144</v>
      </c>
      <c r="C91" s="16" t="s">
        <v>182</v>
      </c>
      <c r="D91" s="17" t="s">
        <v>175</v>
      </c>
      <c r="E91" s="40" t="s">
        <v>31</v>
      </c>
      <c r="F91" s="39"/>
      <c r="G91" s="28" t="s">
        <v>99</v>
      </c>
      <c r="H91" s="17" t="s">
        <v>145</v>
      </c>
      <c r="I91" s="17" t="s">
        <v>146</v>
      </c>
      <c r="J91" s="17" t="s">
        <v>147</v>
      </c>
      <c r="K91" s="17" t="s">
        <v>148</v>
      </c>
      <c r="L91" s="17" t="s">
        <v>149</v>
      </c>
      <c r="M91" s="17"/>
    </row>
    <row r="92" spans="2:13" s="30" customFormat="1" ht="28.2" customHeight="1">
      <c r="B92" s="63"/>
      <c r="C92" s="16" t="s">
        <v>10</v>
      </c>
      <c r="D92" s="17" t="s">
        <v>175</v>
      </c>
      <c r="E92" s="40" t="s">
        <v>31</v>
      </c>
      <c r="F92" s="39"/>
      <c r="G92" s="16" t="s">
        <v>99</v>
      </c>
      <c r="H92" s="17" t="s">
        <v>150</v>
      </c>
      <c r="I92" s="17" t="s">
        <v>146</v>
      </c>
      <c r="J92" s="17" t="s">
        <v>147</v>
      </c>
      <c r="K92" s="17" t="s">
        <v>148</v>
      </c>
      <c r="L92" s="17" t="s">
        <v>149</v>
      </c>
      <c r="M92" s="17"/>
    </row>
    <row r="93" spans="2:13" s="30" customFormat="1" ht="28.2" customHeight="1">
      <c r="B93" s="63"/>
      <c r="C93" s="16" t="s">
        <v>13</v>
      </c>
      <c r="D93" s="17" t="s">
        <v>175</v>
      </c>
      <c r="E93" s="40" t="s">
        <v>31</v>
      </c>
      <c r="F93" s="39"/>
      <c r="G93" s="16" t="s">
        <v>151</v>
      </c>
      <c r="H93" s="17" t="s">
        <v>152</v>
      </c>
      <c r="I93" s="17" t="s">
        <v>146</v>
      </c>
      <c r="J93" s="17" t="s">
        <v>147</v>
      </c>
      <c r="K93" s="17" t="s">
        <v>153</v>
      </c>
      <c r="L93" s="17" t="s">
        <v>149</v>
      </c>
      <c r="M93" s="17"/>
    </row>
    <row r="94" spans="2:13" s="10" customFormat="1" ht="28.2" customHeight="1">
      <c r="B94" s="24" t="s">
        <v>254</v>
      </c>
      <c r="C94" s="13" t="s">
        <v>161</v>
      </c>
      <c r="D94" s="19" t="s">
        <v>11</v>
      </c>
      <c r="E94" s="38" t="s">
        <v>187</v>
      </c>
      <c r="F94" s="41"/>
      <c r="G94" s="21" t="s">
        <v>373</v>
      </c>
      <c r="H94" s="19" t="s">
        <v>374</v>
      </c>
      <c r="I94" s="19" t="s">
        <v>370</v>
      </c>
      <c r="J94" s="19" t="s">
        <v>371</v>
      </c>
      <c r="K94" s="19" t="s">
        <v>372</v>
      </c>
      <c r="L94" s="19" t="s">
        <v>375</v>
      </c>
      <c r="M94" s="19"/>
    </row>
    <row r="95" spans="2:13" s="32" customFormat="1" ht="28.2" customHeight="1">
      <c r="B95" s="26" t="s">
        <v>154</v>
      </c>
      <c r="C95" s="16" t="s">
        <v>161</v>
      </c>
      <c r="D95" s="17" t="s">
        <v>11</v>
      </c>
      <c r="E95" s="40" t="s">
        <v>187</v>
      </c>
      <c r="F95" s="39"/>
      <c r="G95" s="28" t="s">
        <v>155</v>
      </c>
      <c r="H95" s="17" t="s">
        <v>156</v>
      </c>
      <c r="I95" s="17" t="s">
        <v>157</v>
      </c>
      <c r="J95" s="17" t="s">
        <v>158</v>
      </c>
      <c r="K95" s="17" t="s">
        <v>159</v>
      </c>
      <c r="L95" s="17" t="s">
        <v>12</v>
      </c>
      <c r="M95" s="17"/>
    </row>
    <row r="96" spans="2:13" s="10" customFormat="1" ht="67.95" customHeight="1">
      <c r="B96" s="52" t="s">
        <v>129</v>
      </c>
      <c r="C96" s="13" t="s">
        <v>183</v>
      </c>
      <c r="D96" s="19" t="s">
        <v>11</v>
      </c>
      <c r="E96" s="38" t="s">
        <v>130</v>
      </c>
      <c r="F96" s="39"/>
      <c r="G96" s="20" t="s">
        <v>131</v>
      </c>
      <c r="H96" s="19" t="s">
        <v>132</v>
      </c>
      <c r="I96" s="19" t="s">
        <v>133</v>
      </c>
      <c r="J96" s="19" t="s">
        <v>134</v>
      </c>
      <c r="K96" s="19" t="s">
        <v>135</v>
      </c>
      <c r="L96" s="19" t="s">
        <v>186</v>
      </c>
      <c r="M96" s="19"/>
    </row>
    <row r="97" spans="2:13" s="31" customFormat="1" ht="28.2" customHeight="1">
      <c r="B97" s="53"/>
      <c r="C97" s="13" t="s">
        <v>10</v>
      </c>
      <c r="D97" s="14" t="s">
        <v>11</v>
      </c>
      <c r="E97" s="38" t="s">
        <v>130</v>
      </c>
      <c r="F97" s="39"/>
      <c r="G97" s="13" t="s">
        <v>113</v>
      </c>
      <c r="H97" s="14" t="s">
        <v>136</v>
      </c>
      <c r="I97" s="14" t="s">
        <v>133</v>
      </c>
      <c r="J97" s="14" t="s">
        <v>137</v>
      </c>
      <c r="K97" s="14" t="s">
        <v>184</v>
      </c>
      <c r="L97" s="19" t="s">
        <v>186</v>
      </c>
      <c r="M97" s="14"/>
    </row>
    <row r="98" spans="2:13" s="31" customFormat="1" ht="28.2" customHeight="1">
      <c r="B98" s="54"/>
      <c r="C98" s="13" t="s">
        <v>13</v>
      </c>
      <c r="D98" s="14" t="s">
        <v>11</v>
      </c>
      <c r="E98" s="38" t="s">
        <v>130</v>
      </c>
      <c r="F98" s="39"/>
      <c r="G98" s="13" t="s">
        <v>138</v>
      </c>
      <c r="H98" s="14" t="s">
        <v>139</v>
      </c>
      <c r="I98" s="14" t="s">
        <v>133</v>
      </c>
      <c r="J98" s="14" t="s">
        <v>140</v>
      </c>
      <c r="K98" s="14" t="s">
        <v>141</v>
      </c>
      <c r="L98" s="19" t="s">
        <v>186</v>
      </c>
      <c r="M98" s="14"/>
    </row>
    <row r="99" spans="2:13" s="10" customFormat="1" ht="28.2" customHeight="1">
      <c r="B99" s="33" t="s">
        <v>255</v>
      </c>
      <c r="C99" s="16" t="s">
        <v>161</v>
      </c>
      <c r="D99" s="17" t="s">
        <v>11</v>
      </c>
      <c r="E99" s="40" t="s">
        <v>187</v>
      </c>
      <c r="F99" s="39"/>
      <c r="G99" s="28" t="s">
        <v>256</v>
      </c>
      <c r="H99" s="17" t="s">
        <v>257</v>
      </c>
      <c r="I99" s="17" t="s">
        <v>258</v>
      </c>
      <c r="J99" s="17" t="s">
        <v>259</v>
      </c>
      <c r="K99" s="17" t="s">
        <v>377</v>
      </c>
      <c r="L99" s="17" t="s">
        <v>260</v>
      </c>
      <c r="M99" s="17"/>
    </row>
  </sheetData>
  <sheetProtection formatCells="0" formatColumns="0" formatRows="0" insertColumns="0" insertRows="0" insertHyperlinks="0" deleteColumns="0" deleteRows="0" selectLockedCells="1" sort="0" autoFilter="0" pivotTables="0"/>
  <autoFilter ref="A3:L5" xr:uid="{00000000-0009-0000-0000-000000000000}">
    <filterColumn colId="11" showButton="0"/>
  </autoFilter>
  <dataConsolidate/>
  <mergeCells count="113">
    <mergeCell ref="B41:B46"/>
    <mergeCell ref="E41:F41"/>
    <mergeCell ref="E42:F42"/>
    <mergeCell ref="E43:F43"/>
    <mergeCell ref="E44:F44"/>
    <mergeCell ref="C45:C46"/>
    <mergeCell ref="D45:D46"/>
    <mergeCell ref="E45:F45"/>
    <mergeCell ref="E46:F46"/>
    <mergeCell ref="L3:L4"/>
    <mergeCell ref="M3:M4"/>
    <mergeCell ref="I3:I4"/>
    <mergeCell ref="B91:B93"/>
    <mergeCell ref="B47:B48"/>
    <mergeCell ref="B96:B98"/>
    <mergeCell ref="B81:B84"/>
    <mergeCell ref="B71:B73"/>
    <mergeCell ref="B74:B77"/>
    <mergeCell ref="B78:B80"/>
    <mergeCell ref="B60:B64"/>
    <mergeCell ref="B49:B54"/>
    <mergeCell ref="B66:B69"/>
    <mergeCell ref="B85:B88"/>
    <mergeCell ref="B56:B59"/>
    <mergeCell ref="E49:F49"/>
    <mergeCell ref="E50:F50"/>
    <mergeCell ref="B3:B4"/>
    <mergeCell ref="C3:C4"/>
    <mergeCell ref="G3:G4"/>
    <mergeCell ref="H3:H4"/>
    <mergeCell ref="E3:F4"/>
    <mergeCell ref="J3:J4"/>
    <mergeCell ref="K3:K4"/>
    <mergeCell ref="D3:D4"/>
    <mergeCell ref="C21:C28"/>
    <mergeCell ref="D21:D28"/>
    <mergeCell ref="F7:F11"/>
    <mergeCell ref="C14:C20"/>
    <mergeCell ref="D14:D20"/>
    <mergeCell ref="E14:E18"/>
    <mergeCell ref="F14:F18"/>
    <mergeCell ref="B7:B40"/>
    <mergeCell ref="C7:C13"/>
    <mergeCell ref="D7:D13"/>
    <mergeCell ref="E7:E11"/>
    <mergeCell ref="E21:E24"/>
    <mergeCell ref="E25:E26"/>
    <mergeCell ref="E27:E28"/>
    <mergeCell ref="C36:C39"/>
    <mergeCell ref="D36:D39"/>
    <mergeCell ref="E36:E37"/>
    <mergeCell ref="C29:C35"/>
    <mergeCell ref="D29:D35"/>
    <mergeCell ref="E29:E33"/>
    <mergeCell ref="E5:F5"/>
    <mergeCell ref="E6:F6"/>
    <mergeCell ref="E47:F47"/>
    <mergeCell ref="E48:F48"/>
    <mergeCell ref="F29:F33"/>
    <mergeCell ref="E40:F40"/>
    <mergeCell ref="F36:F37"/>
    <mergeCell ref="F21:F24"/>
    <mergeCell ref="F25:F26"/>
    <mergeCell ref="F27:F28"/>
    <mergeCell ref="E56:F56"/>
    <mergeCell ref="E57:F57"/>
    <mergeCell ref="E58:F58"/>
    <mergeCell ref="E59:F59"/>
    <mergeCell ref="E60:F60"/>
    <mergeCell ref="E51:F51"/>
    <mergeCell ref="E52:F52"/>
    <mergeCell ref="E53:F53"/>
    <mergeCell ref="E54:F54"/>
    <mergeCell ref="E55:F55"/>
    <mergeCell ref="E66:F66"/>
    <mergeCell ref="E67:F67"/>
    <mergeCell ref="E68:F68"/>
    <mergeCell ref="E69:F69"/>
    <mergeCell ref="E70:F70"/>
    <mergeCell ref="E61:F61"/>
    <mergeCell ref="E62:F62"/>
    <mergeCell ref="E63:F63"/>
    <mergeCell ref="E64:F64"/>
    <mergeCell ref="E65:F65"/>
    <mergeCell ref="E76:F76"/>
    <mergeCell ref="E77:F77"/>
    <mergeCell ref="E78:F78"/>
    <mergeCell ref="E79:F79"/>
    <mergeCell ref="E80:F80"/>
    <mergeCell ref="E71:F71"/>
    <mergeCell ref="E72:F72"/>
    <mergeCell ref="E73:F73"/>
    <mergeCell ref="E74:F74"/>
    <mergeCell ref="E75:F75"/>
    <mergeCell ref="E86:F86"/>
    <mergeCell ref="E87:F87"/>
    <mergeCell ref="E88:F88"/>
    <mergeCell ref="E89:F89"/>
    <mergeCell ref="E90:F90"/>
    <mergeCell ref="E81:F81"/>
    <mergeCell ref="E82:F82"/>
    <mergeCell ref="E83:F83"/>
    <mergeCell ref="E84:F84"/>
    <mergeCell ref="E85:F85"/>
    <mergeCell ref="E96:F96"/>
    <mergeCell ref="E97:F97"/>
    <mergeCell ref="E98:F98"/>
    <mergeCell ref="E99:F99"/>
    <mergeCell ref="E91:F91"/>
    <mergeCell ref="E92:F92"/>
    <mergeCell ref="E93:F93"/>
    <mergeCell ref="E94:F94"/>
    <mergeCell ref="E95:F95"/>
  </mergeCells>
  <phoneticPr fontId="2"/>
  <pageMargins left="0.70866141732283472" right="0.70866141732283472" top="0.74803149606299213" bottom="0.74803149606299213" header="0.31496062992125984" footer="0.31496062992125984"/>
  <pageSetup paperSize="8" scale="66" fitToHeight="0" orientation="landscape" cellComments="asDisplayed" r:id="rId1"/>
  <rowBreaks count="2" manualBreakCount="2">
    <brk id="40" max="12" man="1"/>
    <brk id="70"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市町村受付方法一覧</vt:lpstr>
      <vt:lpstr>市町村受付方法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1-13T02:39:14Z</cp:lastPrinted>
  <dcterms:created xsi:type="dcterms:W3CDTF">2024-09-19T00:13:00Z</dcterms:created>
  <dcterms:modified xsi:type="dcterms:W3CDTF">2026-01-19T01:04:48Z</dcterms:modified>
</cp:coreProperties>
</file>